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6"/>
  </p:notesMasterIdLst>
  <p:handoutMasterIdLst>
    <p:handoutMasterId r:id="rId7"/>
  </p:handoutMasterIdLst>
  <p:sldIdLst>
    <p:sldId id="258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FF00"/>
    <a:srgbClr val="000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377BB69-7766-4AF5-80A2-60338EB051DE}" v="217" dt="2020-11-04T02:15:52.538"/>
    <p1510:client id="{8E576F3A-87DE-41DE-A7B7-577B147486BE}" v="145" dt="2020-11-04T13:10:05.649"/>
    <p1510:client id="{A8B45EF5-F029-49AB-9549-E29BA764E75D}" v="8" dt="2020-11-04T02:25:39.82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04" d="100"/>
          <a:sy n="104" d="100"/>
        </p:scale>
        <p:origin x="756" y="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handoutMaster" Target="handoutMasters/handoutMaster1.xml"/><Relationship Id="rId12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11" Type="http://schemas.openxmlformats.org/officeDocument/2006/relationships/tableStyles" Target="tableStyles.xml"/><Relationship Id="rId5" Type="http://schemas.openxmlformats.org/officeDocument/2006/relationships/slide" Target="slides/slide1.xml"/><Relationship Id="rId10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athalie Lefebvre" userId="ca85e43e-fca0-4ff5-ad55-8bc525a9adb5" providerId="ADAL" clId="{8E576F3A-87DE-41DE-A7B7-577B147486BE}"/>
    <pc:docChg chg="undo custSel modSld">
      <pc:chgData name="Nathalie Lefebvre" userId="ca85e43e-fca0-4ff5-ad55-8bc525a9adb5" providerId="ADAL" clId="{8E576F3A-87DE-41DE-A7B7-577B147486BE}" dt="2020-11-04T13:10:05.649" v="308" actId="1076"/>
      <pc:docMkLst>
        <pc:docMk/>
      </pc:docMkLst>
      <pc:sldChg chg="addSp delSp modSp mod">
        <pc:chgData name="Nathalie Lefebvre" userId="ca85e43e-fca0-4ff5-ad55-8bc525a9adb5" providerId="ADAL" clId="{8E576F3A-87DE-41DE-A7B7-577B147486BE}" dt="2020-11-04T13:10:05.649" v="308" actId="1076"/>
        <pc:sldMkLst>
          <pc:docMk/>
          <pc:sldMk cId="61091477" sldId="258"/>
        </pc:sldMkLst>
        <pc:spChg chg="add mod ord">
          <ac:chgData name="Nathalie Lefebvre" userId="ca85e43e-fca0-4ff5-ad55-8bc525a9adb5" providerId="ADAL" clId="{8E576F3A-87DE-41DE-A7B7-577B147486BE}" dt="2020-11-04T02:33:40.406" v="144" actId="1076"/>
          <ac:spMkLst>
            <pc:docMk/>
            <pc:sldMk cId="61091477" sldId="258"/>
            <ac:spMk id="3" creationId="{0D4D99DE-7CFD-4F72-86D0-B6ECA8A72F9F}"/>
          </ac:spMkLst>
        </pc:spChg>
        <pc:spChg chg="mod">
          <ac:chgData name="Nathalie Lefebvre" userId="ca85e43e-fca0-4ff5-ad55-8bc525a9adb5" providerId="ADAL" clId="{8E576F3A-87DE-41DE-A7B7-577B147486BE}" dt="2020-11-04T02:27:13.795" v="41" actId="207"/>
          <ac:spMkLst>
            <pc:docMk/>
            <pc:sldMk cId="61091477" sldId="258"/>
            <ac:spMk id="127" creationId="{EAB5553F-925A-48D0-B63E-FD3B6C07C428}"/>
          </ac:spMkLst>
        </pc:spChg>
        <pc:spChg chg="mod">
          <ac:chgData name="Nathalie Lefebvre" userId="ca85e43e-fca0-4ff5-ad55-8bc525a9adb5" providerId="ADAL" clId="{8E576F3A-87DE-41DE-A7B7-577B147486BE}" dt="2020-11-04T02:26:44.101" v="39" actId="20577"/>
          <ac:spMkLst>
            <pc:docMk/>
            <pc:sldMk cId="61091477" sldId="258"/>
            <ac:spMk id="128" creationId="{4B9B05C6-2663-420D-AC66-22D3E5FC5E76}"/>
          </ac:spMkLst>
        </pc:spChg>
        <pc:spChg chg="mod">
          <ac:chgData name="Nathalie Lefebvre" userId="ca85e43e-fca0-4ff5-ad55-8bc525a9adb5" providerId="ADAL" clId="{8E576F3A-87DE-41DE-A7B7-577B147486BE}" dt="2020-11-04T02:26:25.750" v="1"/>
          <ac:spMkLst>
            <pc:docMk/>
            <pc:sldMk cId="61091477" sldId="258"/>
            <ac:spMk id="129" creationId="{F4FDF0A6-1D9E-488E-B14C-1993047D79CB}"/>
          </ac:spMkLst>
        </pc:spChg>
        <pc:spChg chg="mod">
          <ac:chgData name="Nathalie Lefebvre" userId="ca85e43e-fca0-4ff5-ad55-8bc525a9adb5" providerId="ADAL" clId="{8E576F3A-87DE-41DE-A7B7-577B147486BE}" dt="2020-11-04T02:30:30.667" v="67" actId="208"/>
          <ac:spMkLst>
            <pc:docMk/>
            <pc:sldMk cId="61091477" sldId="258"/>
            <ac:spMk id="131" creationId="{DF596B9A-8471-4E56-8917-3E68B847B321}"/>
          </ac:spMkLst>
        </pc:spChg>
        <pc:spChg chg="mod">
          <ac:chgData name="Nathalie Lefebvre" userId="ca85e43e-fca0-4ff5-ad55-8bc525a9adb5" providerId="ADAL" clId="{8E576F3A-87DE-41DE-A7B7-577B147486BE}" dt="2020-11-04T02:28:37.241" v="55" actId="1035"/>
          <ac:spMkLst>
            <pc:docMk/>
            <pc:sldMk cId="61091477" sldId="258"/>
            <ac:spMk id="173" creationId="{997AD4ED-4B24-4A83-9B93-1763DF50E223}"/>
          </ac:spMkLst>
        </pc:spChg>
        <pc:spChg chg="mod">
          <ac:chgData name="Nathalie Lefebvre" userId="ca85e43e-fca0-4ff5-ad55-8bc525a9adb5" providerId="ADAL" clId="{8E576F3A-87DE-41DE-A7B7-577B147486BE}" dt="2020-11-04T02:28:30.199" v="50" actId="1035"/>
          <ac:spMkLst>
            <pc:docMk/>
            <pc:sldMk cId="61091477" sldId="258"/>
            <ac:spMk id="176" creationId="{BFC3E133-B4D9-46FC-8B0D-EA317A30057A}"/>
          </ac:spMkLst>
        </pc:spChg>
        <pc:spChg chg="mod">
          <ac:chgData name="Nathalie Lefebvre" userId="ca85e43e-fca0-4ff5-ad55-8bc525a9adb5" providerId="ADAL" clId="{8E576F3A-87DE-41DE-A7B7-577B147486BE}" dt="2020-11-04T02:29:02.289" v="57" actId="1076"/>
          <ac:spMkLst>
            <pc:docMk/>
            <pc:sldMk cId="61091477" sldId="258"/>
            <ac:spMk id="178" creationId="{743F764D-BB12-4296-A9FD-808127C4C772}"/>
          </ac:spMkLst>
        </pc:spChg>
        <pc:spChg chg="mod">
          <ac:chgData name="Nathalie Lefebvre" userId="ca85e43e-fca0-4ff5-ad55-8bc525a9adb5" providerId="ADAL" clId="{8E576F3A-87DE-41DE-A7B7-577B147486BE}" dt="2020-11-04T02:30:18.202" v="65" actId="208"/>
          <ac:spMkLst>
            <pc:docMk/>
            <pc:sldMk cId="61091477" sldId="258"/>
            <ac:spMk id="179" creationId="{FE535E0A-3EBA-40FE-95DC-110A38EBBCC4}"/>
          </ac:spMkLst>
        </pc:spChg>
        <pc:spChg chg="mod">
          <ac:chgData name="Nathalie Lefebvre" userId="ca85e43e-fca0-4ff5-ad55-8bc525a9adb5" providerId="ADAL" clId="{8E576F3A-87DE-41DE-A7B7-577B147486BE}" dt="2020-11-04T13:10:05.649" v="308" actId="1076"/>
          <ac:spMkLst>
            <pc:docMk/>
            <pc:sldMk cId="61091477" sldId="258"/>
            <ac:spMk id="181" creationId="{9D78DFFF-739A-4846-8B3B-D5BB85E69A3A}"/>
          </ac:spMkLst>
        </pc:spChg>
        <pc:spChg chg="mod">
          <ac:chgData name="Nathalie Lefebvre" userId="ca85e43e-fca0-4ff5-ad55-8bc525a9adb5" providerId="ADAL" clId="{8E576F3A-87DE-41DE-A7B7-577B147486BE}" dt="2020-11-04T13:10:05.649" v="308" actId="1076"/>
          <ac:spMkLst>
            <pc:docMk/>
            <pc:sldMk cId="61091477" sldId="258"/>
            <ac:spMk id="182" creationId="{BBDF039D-4260-4991-80B5-BFB3B5AE4CBA}"/>
          </ac:spMkLst>
        </pc:spChg>
        <pc:spChg chg="mod">
          <ac:chgData name="Nathalie Lefebvre" userId="ca85e43e-fca0-4ff5-ad55-8bc525a9adb5" providerId="ADAL" clId="{8E576F3A-87DE-41DE-A7B7-577B147486BE}" dt="2020-11-04T13:08:39.973" v="276" actId="1036"/>
          <ac:spMkLst>
            <pc:docMk/>
            <pc:sldMk cId="61091477" sldId="258"/>
            <ac:spMk id="203" creationId="{0E2D369F-E989-4CE7-BFD8-515126BA2C6B}"/>
          </ac:spMkLst>
        </pc:spChg>
        <pc:grpChg chg="mod">
          <ac:chgData name="Nathalie Lefebvre" userId="ca85e43e-fca0-4ff5-ad55-8bc525a9adb5" providerId="ADAL" clId="{8E576F3A-87DE-41DE-A7B7-577B147486BE}" dt="2020-11-04T13:08:43.506" v="279" actId="1036"/>
          <ac:grpSpMkLst>
            <pc:docMk/>
            <pc:sldMk cId="61091477" sldId="258"/>
            <ac:grpSpMk id="13" creationId="{4ACC178D-DE1C-476D-BD2B-DDD03D3DC824}"/>
          </ac:grpSpMkLst>
        </pc:grpChg>
        <pc:grpChg chg="mod">
          <ac:chgData name="Nathalie Lefebvre" userId="ca85e43e-fca0-4ff5-ad55-8bc525a9adb5" providerId="ADAL" clId="{8E576F3A-87DE-41DE-A7B7-577B147486BE}" dt="2020-11-04T02:37:25.151" v="155" actId="1076"/>
          <ac:grpSpMkLst>
            <pc:docMk/>
            <pc:sldMk cId="61091477" sldId="258"/>
            <ac:grpSpMk id="19" creationId="{2A88F9CD-42D2-4C63-8F04-F26A9F3B40C6}"/>
          </ac:grpSpMkLst>
        </pc:grpChg>
        <pc:grpChg chg="add mod">
          <ac:chgData name="Nathalie Lefebvre" userId="ca85e43e-fca0-4ff5-ad55-8bc525a9adb5" providerId="ADAL" clId="{8E576F3A-87DE-41DE-A7B7-577B147486BE}" dt="2020-11-04T02:32:04.201" v="134" actId="1076"/>
          <ac:grpSpMkLst>
            <pc:docMk/>
            <pc:sldMk cId="61091477" sldId="258"/>
            <ac:grpSpMk id="126" creationId="{3CAB578E-2AFB-425A-B42E-ADDF0526348D}"/>
          </ac:grpSpMkLst>
        </pc:grpChg>
        <pc:grpChg chg="mod">
          <ac:chgData name="Nathalie Lefebvre" userId="ca85e43e-fca0-4ff5-ad55-8bc525a9adb5" providerId="ADAL" clId="{8E576F3A-87DE-41DE-A7B7-577B147486BE}" dt="2020-11-04T02:31:44.697" v="133" actId="1076"/>
          <ac:grpSpMkLst>
            <pc:docMk/>
            <pc:sldMk cId="61091477" sldId="258"/>
            <ac:grpSpMk id="130" creationId="{D4B99DA9-F07B-40BB-866F-6C875ACE4F13}"/>
          </ac:grpSpMkLst>
        </pc:grpChg>
        <pc:grpChg chg="del">
          <ac:chgData name="Nathalie Lefebvre" userId="ca85e43e-fca0-4ff5-ad55-8bc525a9adb5" providerId="ADAL" clId="{8E576F3A-87DE-41DE-A7B7-577B147486BE}" dt="2020-11-04T02:26:24.025" v="0" actId="478"/>
          <ac:grpSpMkLst>
            <pc:docMk/>
            <pc:sldMk cId="61091477" sldId="258"/>
            <ac:grpSpMk id="140" creationId="{0A241A8F-FB24-4205-B564-BA981C12D7D0}"/>
          </ac:grpSpMkLst>
        </pc:grpChg>
        <pc:grpChg chg="mod">
          <ac:chgData name="Nathalie Lefebvre" userId="ca85e43e-fca0-4ff5-ad55-8bc525a9adb5" providerId="ADAL" clId="{8E576F3A-87DE-41DE-A7B7-577B147486BE}" dt="2020-11-04T02:32:24.982" v="137" actId="1076"/>
          <ac:grpSpMkLst>
            <pc:docMk/>
            <pc:sldMk cId="61091477" sldId="258"/>
            <ac:grpSpMk id="149" creationId="{13DDF8FD-C050-41C1-8467-C626FA98DA62}"/>
          </ac:grpSpMkLst>
        </pc:grpChg>
        <pc:grpChg chg="mod">
          <ac:chgData name="Nathalie Lefebvre" userId="ca85e43e-fca0-4ff5-ad55-8bc525a9adb5" providerId="ADAL" clId="{8E576F3A-87DE-41DE-A7B7-577B147486BE}" dt="2020-11-04T02:32:11.258" v="135" actId="1076"/>
          <ac:grpSpMkLst>
            <pc:docMk/>
            <pc:sldMk cId="61091477" sldId="258"/>
            <ac:grpSpMk id="169" creationId="{819BE69B-4BD0-4CF9-A1B5-3603D425FDBD}"/>
          </ac:grpSpMkLst>
        </pc:grpChg>
        <pc:grpChg chg="mod">
          <ac:chgData name="Nathalie Lefebvre" userId="ca85e43e-fca0-4ff5-ad55-8bc525a9adb5" providerId="ADAL" clId="{8E576F3A-87DE-41DE-A7B7-577B147486BE}" dt="2020-11-04T02:32:17.349" v="136" actId="1076"/>
          <ac:grpSpMkLst>
            <pc:docMk/>
            <pc:sldMk cId="61091477" sldId="258"/>
            <ac:grpSpMk id="177" creationId="{28CA4DFE-099C-4584-8240-9044A08BE4DE}"/>
          </ac:grpSpMkLst>
        </pc:grpChg>
        <pc:grpChg chg="add mod">
          <ac:chgData name="Nathalie Lefebvre" userId="ca85e43e-fca0-4ff5-ad55-8bc525a9adb5" providerId="ADAL" clId="{8E576F3A-87DE-41DE-A7B7-577B147486BE}" dt="2020-11-04T13:10:05.649" v="308" actId="1076"/>
          <ac:grpSpMkLst>
            <pc:docMk/>
            <pc:sldMk cId="61091477" sldId="258"/>
            <ac:grpSpMk id="180" creationId="{73273A05-A14C-40AB-95CE-0CAAA8C2301D}"/>
          </ac:grpSpMkLst>
        </pc:grpChg>
        <pc:picChg chg="add mod">
          <ac:chgData name="Nathalie Lefebvre" userId="ca85e43e-fca0-4ff5-ad55-8bc525a9adb5" providerId="ADAL" clId="{8E576F3A-87DE-41DE-A7B7-577B147486BE}" dt="2020-11-04T02:36:32.320" v="146" actId="1076"/>
          <ac:picMkLst>
            <pc:docMk/>
            <pc:sldMk cId="61091477" sldId="258"/>
            <ac:picMk id="153" creationId="{BA3C963B-4944-426F-94EA-5A2EC8CAED03}"/>
          </ac:picMkLst>
        </pc:picChg>
        <pc:picChg chg="mod">
          <ac:chgData name="Nathalie Lefebvre" userId="ca85e43e-fca0-4ff5-ad55-8bc525a9adb5" providerId="ADAL" clId="{8E576F3A-87DE-41DE-A7B7-577B147486BE}" dt="2020-11-04T02:28:19.975" v="46" actId="1036"/>
          <ac:picMkLst>
            <pc:docMk/>
            <pc:sldMk cId="61091477" sldId="258"/>
            <ac:picMk id="172" creationId="{D4B22657-DAAC-4147-A857-20AD4582966A}"/>
          </ac:picMkLst>
        </pc:picChg>
        <pc:picChg chg="mod">
          <ac:chgData name="Nathalie Lefebvre" userId="ca85e43e-fca0-4ff5-ad55-8bc525a9adb5" providerId="ADAL" clId="{8E576F3A-87DE-41DE-A7B7-577B147486BE}" dt="2020-11-04T13:10:05.649" v="308" actId="1076"/>
          <ac:picMkLst>
            <pc:docMk/>
            <pc:sldMk cId="61091477" sldId="258"/>
            <ac:picMk id="183" creationId="{C50774A6-B6BA-42E7-981A-EA5DB9865B03}"/>
          </ac:picMkLst>
        </pc:picChg>
      </pc:sldChg>
    </pc:docChg>
  </pc:docChgLst>
  <pc:docChgLst>
    <pc:chgData name="Nathalie Lefebvre" userId="ca85e43e-fca0-4ff5-ad55-8bc525a9adb5" providerId="ADAL" clId="{7377BB69-7766-4AF5-80A2-60338EB051DE}"/>
    <pc:docChg chg="undo custSel modSld">
      <pc:chgData name="Nathalie Lefebvre" userId="ca85e43e-fca0-4ff5-ad55-8bc525a9adb5" providerId="ADAL" clId="{7377BB69-7766-4AF5-80A2-60338EB051DE}" dt="2020-11-04T02:16:00.851" v="661" actId="1076"/>
      <pc:docMkLst>
        <pc:docMk/>
      </pc:docMkLst>
      <pc:sldChg chg="addSp delSp modSp mod">
        <pc:chgData name="Nathalie Lefebvre" userId="ca85e43e-fca0-4ff5-ad55-8bc525a9adb5" providerId="ADAL" clId="{7377BB69-7766-4AF5-80A2-60338EB051DE}" dt="2020-11-04T02:16:00.851" v="661" actId="1076"/>
        <pc:sldMkLst>
          <pc:docMk/>
          <pc:sldMk cId="61091477" sldId="258"/>
        </pc:sldMkLst>
        <pc:spChg chg="mod">
          <ac:chgData name="Nathalie Lefebvre" userId="ca85e43e-fca0-4ff5-ad55-8bc525a9adb5" providerId="ADAL" clId="{7377BB69-7766-4AF5-80A2-60338EB051DE}" dt="2020-11-04T02:13:26.301" v="618" actId="1076"/>
          <ac:spMkLst>
            <pc:docMk/>
            <pc:sldMk cId="61091477" sldId="258"/>
            <ac:spMk id="11" creationId="{82336B3C-0982-49C2-85B3-D4D69E435900}"/>
          </ac:spMkLst>
        </pc:spChg>
        <pc:spChg chg="mod">
          <ac:chgData name="Nathalie Lefebvre" userId="ca85e43e-fca0-4ff5-ad55-8bc525a9adb5" providerId="ADAL" clId="{7377BB69-7766-4AF5-80A2-60338EB051DE}" dt="2020-11-04T02:01:51.822" v="48" actId="20577"/>
          <ac:spMkLst>
            <pc:docMk/>
            <pc:sldMk cId="61091477" sldId="258"/>
            <ac:spMk id="122" creationId="{5D435BCF-D2D6-4341-809F-90860DEAC612}"/>
          </ac:spMkLst>
        </pc:spChg>
        <pc:spChg chg="mod">
          <ac:chgData name="Nathalie Lefebvre" userId="ca85e43e-fca0-4ff5-ad55-8bc525a9adb5" providerId="ADAL" clId="{7377BB69-7766-4AF5-80A2-60338EB051DE}" dt="2020-11-04T02:01:42.206" v="25" actId="5793"/>
          <ac:spMkLst>
            <pc:docMk/>
            <pc:sldMk cId="61091477" sldId="258"/>
            <ac:spMk id="123" creationId="{0207607D-0B96-4C68-979E-099560520B82}"/>
          </ac:spMkLst>
        </pc:spChg>
        <pc:spChg chg="mod">
          <ac:chgData name="Nathalie Lefebvre" userId="ca85e43e-fca0-4ff5-ad55-8bc525a9adb5" providerId="ADAL" clId="{7377BB69-7766-4AF5-80A2-60338EB051DE}" dt="2020-11-04T02:02:23.467" v="95" actId="20577"/>
          <ac:spMkLst>
            <pc:docMk/>
            <pc:sldMk cId="61091477" sldId="258"/>
            <ac:spMk id="127" creationId="{6B7D43BB-DF0D-41B0-9DCD-3549C3FB8A5F}"/>
          </ac:spMkLst>
        </pc:spChg>
        <pc:spChg chg="mod">
          <ac:chgData name="Nathalie Lefebvre" userId="ca85e43e-fca0-4ff5-ad55-8bc525a9adb5" providerId="ADAL" clId="{7377BB69-7766-4AF5-80A2-60338EB051DE}" dt="2020-11-04T02:02:37.085" v="128" actId="20577"/>
          <ac:spMkLst>
            <pc:docMk/>
            <pc:sldMk cId="61091477" sldId="258"/>
            <ac:spMk id="128" creationId="{7B949DD4-F133-4914-993B-74E4AD3B4E58}"/>
          </ac:spMkLst>
        </pc:spChg>
        <pc:spChg chg="mod">
          <ac:chgData name="Nathalie Lefebvre" userId="ca85e43e-fca0-4ff5-ad55-8bc525a9adb5" providerId="ADAL" clId="{7377BB69-7766-4AF5-80A2-60338EB051DE}" dt="2020-11-04T02:02:42.579" v="132" actId="5793"/>
          <ac:spMkLst>
            <pc:docMk/>
            <pc:sldMk cId="61091477" sldId="258"/>
            <ac:spMk id="129" creationId="{6D927FF9-1D2E-45C4-8E56-48722A1734B3}"/>
          </ac:spMkLst>
        </pc:spChg>
        <pc:spChg chg="mod">
          <ac:chgData name="Nathalie Lefebvre" userId="ca85e43e-fca0-4ff5-ad55-8bc525a9adb5" providerId="ADAL" clId="{7377BB69-7766-4AF5-80A2-60338EB051DE}" dt="2020-11-04T02:11:34.992" v="538" actId="1076"/>
          <ac:spMkLst>
            <pc:docMk/>
            <pc:sldMk cId="61091477" sldId="258"/>
            <ac:spMk id="131" creationId="{DF596B9A-8471-4E56-8917-3E68B847B321}"/>
          </ac:spMkLst>
        </pc:spChg>
        <pc:spChg chg="mod">
          <ac:chgData name="Nathalie Lefebvre" userId="ca85e43e-fca0-4ff5-ad55-8bc525a9adb5" providerId="ADAL" clId="{7377BB69-7766-4AF5-80A2-60338EB051DE}" dt="2020-11-04T02:08:17.607" v="477" actId="1035"/>
          <ac:spMkLst>
            <pc:docMk/>
            <pc:sldMk cId="61091477" sldId="258"/>
            <ac:spMk id="132" creationId="{E173CC6A-54BC-4362-A9AF-5CB5E3067924}"/>
          </ac:spMkLst>
        </pc:spChg>
        <pc:spChg chg="mod">
          <ac:chgData name="Nathalie Lefebvre" userId="ca85e43e-fca0-4ff5-ad55-8bc525a9adb5" providerId="ADAL" clId="{7377BB69-7766-4AF5-80A2-60338EB051DE}" dt="2020-11-04T02:08:17.607" v="477" actId="1035"/>
          <ac:spMkLst>
            <pc:docMk/>
            <pc:sldMk cId="61091477" sldId="258"/>
            <ac:spMk id="133" creationId="{34866717-C305-4137-8DA2-1950544F6CD0}"/>
          </ac:spMkLst>
        </pc:spChg>
        <pc:spChg chg="mod">
          <ac:chgData name="Nathalie Lefebvre" userId="ca85e43e-fca0-4ff5-ad55-8bc525a9adb5" providerId="ADAL" clId="{7377BB69-7766-4AF5-80A2-60338EB051DE}" dt="2020-11-04T02:01:34.970" v="21" actId="20577"/>
          <ac:spMkLst>
            <pc:docMk/>
            <pc:sldMk cId="61091477" sldId="258"/>
            <ac:spMk id="136" creationId="{80DC6BE6-5DF7-410B-BE5E-F673AF7AE5AE}"/>
          </ac:spMkLst>
        </pc:spChg>
        <pc:spChg chg="mod">
          <ac:chgData name="Nathalie Lefebvre" userId="ca85e43e-fca0-4ff5-ad55-8bc525a9adb5" providerId="ADAL" clId="{7377BB69-7766-4AF5-80A2-60338EB051DE}" dt="2020-11-04T02:02:05.165" v="79" actId="20577"/>
          <ac:spMkLst>
            <pc:docMk/>
            <pc:sldMk cId="61091477" sldId="258"/>
            <ac:spMk id="137" creationId="{0DEFCEAC-68C1-40F1-9B35-3772D46BCCEF}"/>
          </ac:spMkLst>
        </pc:spChg>
        <pc:spChg chg="mod">
          <ac:chgData name="Nathalie Lefebvre" userId="ca85e43e-fca0-4ff5-ad55-8bc525a9adb5" providerId="ADAL" clId="{7377BB69-7766-4AF5-80A2-60338EB051DE}" dt="2020-11-04T02:02:17.882" v="89" actId="5793"/>
          <ac:spMkLst>
            <pc:docMk/>
            <pc:sldMk cId="61091477" sldId="258"/>
            <ac:spMk id="138" creationId="{0F387823-885E-4A41-A4D0-57E943BD93E7}"/>
          </ac:spMkLst>
        </pc:spChg>
        <pc:spChg chg="mod">
          <ac:chgData name="Nathalie Lefebvre" userId="ca85e43e-fca0-4ff5-ad55-8bc525a9adb5" providerId="ADAL" clId="{7377BB69-7766-4AF5-80A2-60338EB051DE}" dt="2020-11-04T02:11:51.492" v="542" actId="1036"/>
          <ac:spMkLst>
            <pc:docMk/>
            <pc:sldMk cId="61091477" sldId="258"/>
            <ac:spMk id="141" creationId="{484A02CB-FFD4-466A-8EED-B9DB3D19366D}"/>
          </ac:spMkLst>
        </pc:spChg>
        <pc:spChg chg="mod">
          <ac:chgData name="Nathalie Lefebvre" userId="ca85e43e-fca0-4ff5-ad55-8bc525a9adb5" providerId="ADAL" clId="{7377BB69-7766-4AF5-80A2-60338EB051DE}" dt="2020-11-04T02:02:47.444" v="138" actId="20577"/>
          <ac:spMkLst>
            <pc:docMk/>
            <pc:sldMk cId="61091477" sldId="258"/>
            <ac:spMk id="142" creationId="{C00C099A-E5BD-41FF-8EC5-D4F9E8C3CD9B}"/>
          </ac:spMkLst>
        </pc:spChg>
        <pc:spChg chg="mod">
          <ac:chgData name="Nathalie Lefebvre" userId="ca85e43e-fca0-4ff5-ad55-8bc525a9adb5" providerId="ADAL" clId="{7377BB69-7766-4AF5-80A2-60338EB051DE}" dt="2020-11-04T02:03:03.753" v="165" actId="20577"/>
          <ac:spMkLst>
            <pc:docMk/>
            <pc:sldMk cId="61091477" sldId="258"/>
            <ac:spMk id="143" creationId="{87AFE461-6F01-41C3-9DDA-FCDA0E9D52CF}"/>
          </ac:spMkLst>
        </pc:spChg>
        <pc:spChg chg="mod">
          <ac:chgData name="Nathalie Lefebvre" userId="ca85e43e-fca0-4ff5-ad55-8bc525a9adb5" providerId="ADAL" clId="{7377BB69-7766-4AF5-80A2-60338EB051DE}" dt="2020-11-04T02:02:54.827" v="142" actId="5793"/>
          <ac:spMkLst>
            <pc:docMk/>
            <pc:sldMk cId="61091477" sldId="258"/>
            <ac:spMk id="144" creationId="{DE439C6D-90D3-4F12-9A66-9844B582F433}"/>
          </ac:spMkLst>
        </pc:spChg>
        <pc:spChg chg="mod">
          <ac:chgData name="Nathalie Lefebvre" userId="ca85e43e-fca0-4ff5-ad55-8bc525a9adb5" providerId="ADAL" clId="{7377BB69-7766-4AF5-80A2-60338EB051DE}" dt="2020-11-04T02:08:17.607" v="477" actId="1035"/>
          <ac:spMkLst>
            <pc:docMk/>
            <pc:sldMk cId="61091477" sldId="258"/>
            <ac:spMk id="147" creationId="{AFDF1F9C-D0E0-4E00-B2DD-F12E853B463D}"/>
          </ac:spMkLst>
        </pc:spChg>
        <pc:spChg chg="mod">
          <ac:chgData name="Nathalie Lefebvre" userId="ca85e43e-fca0-4ff5-ad55-8bc525a9adb5" providerId="ADAL" clId="{7377BB69-7766-4AF5-80A2-60338EB051DE}" dt="2020-11-04T02:08:17.607" v="477" actId="1035"/>
          <ac:spMkLst>
            <pc:docMk/>
            <pc:sldMk cId="61091477" sldId="258"/>
            <ac:spMk id="148" creationId="{63DBC00D-86BE-4C76-A8C5-5F987BB02B48}"/>
          </ac:spMkLst>
        </pc:spChg>
        <pc:spChg chg="mod">
          <ac:chgData name="Nathalie Lefebvre" userId="ca85e43e-fca0-4ff5-ad55-8bc525a9adb5" providerId="ADAL" clId="{7377BB69-7766-4AF5-80A2-60338EB051DE}" dt="2020-11-04T02:12:49.842" v="566" actId="1035"/>
          <ac:spMkLst>
            <pc:docMk/>
            <pc:sldMk cId="61091477" sldId="258"/>
            <ac:spMk id="151" creationId="{B7A19B26-2FD3-42D0-BDA2-CE2D7A82D173}"/>
          </ac:spMkLst>
        </pc:spChg>
        <pc:spChg chg="mod">
          <ac:chgData name="Nathalie Lefebvre" userId="ca85e43e-fca0-4ff5-ad55-8bc525a9adb5" providerId="ADAL" clId="{7377BB69-7766-4AF5-80A2-60338EB051DE}" dt="2020-11-04T02:08:17.607" v="477" actId="1035"/>
          <ac:spMkLst>
            <pc:docMk/>
            <pc:sldMk cId="61091477" sldId="258"/>
            <ac:spMk id="157" creationId="{2BE59E9B-A70B-427B-A76C-F9A7716341E2}"/>
          </ac:spMkLst>
        </pc:spChg>
        <pc:spChg chg="mod">
          <ac:chgData name="Nathalie Lefebvre" userId="ca85e43e-fca0-4ff5-ad55-8bc525a9adb5" providerId="ADAL" clId="{7377BB69-7766-4AF5-80A2-60338EB051DE}" dt="2020-11-04T02:12:45.730" v="562" actId="1035"/>
          <ac:spMkLst>
            <pc:docMk/>
            <pc:sldMk cId="61091477" sldId="258"/>
            <ac:spMk id="173" creationId="{997AD4ED-4B24-4A83-9B93-1763DF50E223}"/>
          </ac:spMkLst>
        </pc:spChg>
        <pc:spChg chg="mod">
          <ac:chgData name="Nathalie Lefebvre" userId="ca85e43e-fca0-4ff5-ad55-8bc525a9adb5" providerId="ADAL" clId="{7377BB69-7766-4AF5-80A2-60338EB051DE}" dt="2020-11-04T02:12:31.464" v="558" actId="1035"/>
          <ac:spMkLst>
            <pc:docMk/>
            <pc:sldMk cId="61091477" sldId="258"/>
            <ac:spMk id="176" creationId="{BFC3E133-B4D9-46FC-8B0D-EA317A30057A}"/>
          </ac:spMkLst>
        </pc:spChg>
        <pc:spChg chg="mod">
          <ac:chgData name="Nathalie Lefebvre" userId="ca85e43e-fca0-4ff5-ad55-8bc525a9adb5" providerId="ADAL" clId="{7377BB69-7766-4AF5-80A2-60338EB051DE}" dt="2020-11-04T02:15:52.538" v="660" actId="1076"/>
          <ac:spMkLst>
            <pc:docMk/>
            <pc:sldMk cId="61091477" sldId="258"/>
            <ac:spMk id="178" creationId="{743F764D-BB12-4296-A9FD-808127C4C772}"/>
          </ac:spMkLst>
        </pc:spChg>
        <pc:spChg chg="mod">
          <ac:chgData name="Nathalie Lefebvre" userId="ca85e43e-fca0-4ff5-ad55-8bc525a9adb5" providerId="ADAL" clId="{7377BB69-7766-4AF5-80A2-60338EB051DE}" dt="2020-11-04T02:15:52.538" v="660" actId="1076"/>
          <ac:spMkLst>
            <pc:docMk/>
            <pc:sldMk cId="61091477" sldId="258"/>
            <ac:spMk id="179" creationId="{FE535E0A-3EBA-40FE-95DC-110A38EBBCC4}"/>
          </ac:spMkLst>
        </pc:spChg>
        <pc:spChg chg="mod">
          <ac:chgData name="Nathalie Lefebvre" userId="ca85e43e-fca0-4ff5-ad55-8bc525a9adb5" providerId="ADAL" clId="{7377BB69-7766-4AF5-80A2-60338EB051DE}" dt="2020-11-04T02:00:47.199" v="11" actId="1076"/>
          <ac:spMkLst>
            <pc:docMk/>
            <pc:sldMk cId="61091477" sldId="258"/>
            <ac:spMk id="189" creationId="{4216F653-445A-48AE-9E7F-2BCB19F1649E}"/>
          </ac:spMkLst>
        </pc:spChg>
        <pc:spChg chg="mod">
          <ac:chgData name="Nathalie Lefebvre" userId="ca85e43e-fca0-4ff5-ad55-8bc525a9adb5" providerId="ADAL" clId="{7377BB69-7766-4AF5-80A2-60338EB051DE}" dt="2020-11-04T02:00:25.135" v="8" actId="1076"/>
          <ac:spMkLst>
            <pc:docMk/>
            <pc:sldMk cId="61091477" sldId="258"/>
            <ac:spMk id="191" creationId="{45AC82F1-31F7-4BDE-BF7C-2E9A090107E7}"/>
          </ac:spMkLst>
        </pc:spChg>
        <pc:spChg chg="mod">
          <ac:chgData name="Nathalie Lefebvre" userId="ca85e43e-fca0-4ff5-ad55-8bc525a9adb5" providerId="ADAL" clId="{7377BB69-7766-4AF5-80A2-60338EB051DE}" dt="2020-11-04T02:14:21.154" v="653" actId="20577"/>
          <ac:spMkLst>
            <pc:docMk/>
            <pc:sldMk cId="61091477" sldId="258"/>
            <ac:spMk id="207" creationId="{9143747B-EDDD-4139-9EED-9297238BAD36}"/>
          </ac:spMkLst>
        </pc:spChg>
        <pc:grpChg chg="mod">
          <ac:chgData name="Nathalie Lefebvre" userId="ca85e43e-fca0-4ff5-ad55-8bc525a9adb5" providerId="ADAL" clId="{7377BB69-7766-4AF5-80A2-60338EB051DE}" dt="2020-11-04T02:14:35.776" v="655" actId="1076"/>
          <ac:grpSpMkLst>
            <pc:docMk/>
            <pc:sldMk cId="61091477" sldId="258"/>
            <ac:grpSpMk id="10" creationId="{6BE69F2F-25E5-4E14-9BE7-F81A1FB8E199}"/>
          </ac:grpSpMkLst>
        </pc:grpChg>
        <pc:grpChg chg="mod">
          <ac:chgData name="Nathalie Lefebvre" userId="ca85e43e-fca0-4ff5-ad55-8bc525a9adb5" providerId="ADAL" clId="{7377BB69-7766-4AF5-80A2-60338EB051DE}" dt="2020-11-04T02:14:27.780" v="654" actId="1076"/>
          <ac:grpSpMkLst>
            <pc:docMk/>
            <pc:sldMk cId="61091477" sldId="258"/>
            <ac:grpSpMk id="12" creationId="{0C0EC973-1339-40A2-8A48-7E952A86C663}"/>
          </ac:grpSpMkLst>
        </pc:grpChg>
        <pc:grpChg chg="mod">
          <ac:chgData name="Nathalie Lefebvre" userId="ca85e43e-fca0-4ff5-ad55-8bc525a9adb5" providerId="ADAL" clId="{7377BB69-7766-4AF5-80A2-60338EB051DE}" dt="2020-11-04T02:14:16.802" v="651" actId="1076"/>
          <ac:grpSpMkLst>
            <pc:docMk/>
            <pc:sldMk cId="61091477" sldId="258"/>
            <ac:grpSpMk id="13" creationId="{4ACC178D-DE1C-476D-BD2B-DDD03D3DC824}"/>
          </ac:grpSpMkLst>
        </pc:grpChg>
        <pc:grpChg chg="del mod">
          <ac:chgData name="Nathalie Lefebvre" userId="ca85e43e-fca0-4ff5-ad55-8bc525a9adb5" providerId="ADAL" clId="{7377BB69-7766-4AF5-80A2-60338EB051DE}" dt="2020-11-04T02:14:00.181" v="650" actId="478"/>
          <ac:grpSpMkLst>
            <pc:docMk/>
            <pc:sldMk cId="61091477" sldId="258"/>
            <ac:grpSpMk id="14" creationId="{C7E1D808-BF31-44E5-A89C-D9C32D0902E9}"/>
          </ac:grpSpMkLst>
        </pc:grpChg>
        <pc:grpChg chg="mod">
          <ac:chgData name="Nathalie Lefebvre" userId="ca85e43e-fca0-4ff5-ad55-8bc525a9adb5" providerId="ADAL" clId="{7377BB69-7766-4AF5-80A2-60338EB051DE}" dt="2020-11-04T02:13:41.715" v="638" actId="1035"/>
          <ac:grpSpMkLst>
            <pc:docMk/>
            <pc:sldMk cId="61091477" sldId="258"/>
            <ac:grpSpMk id="19" creationId="{2A88F9CD-42D2-4C63-8F04-F26A9F3B40C6}"/>
          </ac:grpSpMkLst>
        </pc:grpChg>
        <pc:grpChg chg="mod">
          <ac:chgData name="Nathalie Lefebvre" userId="ca85e43e-fca0-4ff5-ad55-8bc525a9adb5" providerId="ADAL" clId="{7377BB69-7766-4AF5-80A2-60338EB051DE}" dt="2020-11-04T02:13:16.119" v="617" actId="1035"/>
          <ac:grpSpMkLst>
            <pc:docMk/>
            <pc:sldMk cId="61091477" sldId="258"/>
            <ac:grpSpMk id="21" creationId="{5D2F3933-9B72-4828-BCB7-541ECBDEFC11}"/>
          </ac:grpSpMkLst>
        </pc:grpChg>
        <pc:grpChg chg="mod">
          <ac:chgData name="Nathalie Lefebvre" userId="ca85e43e-fca0-4ff5-ad55-8bc525a9adb5" providerId="ADAL" clId="{7377BB69-7766-4AF5-80A2-60338EB051DE}" dt="2020-11-04T02:13:16.119" v="617" actId="1035"/>
          <ac:grpSpMkLst>
            <pc:docMk/>
            <pc:sldMk cId="61091477" sldId="258"/>
            <ac:grpSpMk id="22" creationId="{B77D3ADC-4691-423D-B968-599D539C51C4}"/>
          </ac:grpSpMkLst>
        </pc:grpChg>
        <pc:grpChg chg="mod">
          <ac:chgData name="Nathalie Lefebvre" userId="ca85e43e-fca0-4ff5-ad55-8bc525a9adb5" providerId="ADAL" clId="{7377BB69-7766-4AF5-80A2-60338EB051DE}" dt="2020-11-04T02:13:16.119" v="617" actId="1035"/>
          <ac:grpSpMkLst>
            <pc:docMk/>
            <pc:sldMk cId="61091477" sldId="258"/>
            <ac:grpSpMk id="23" creationId="{CEE15DC0-A896-4EAF-85E8-9DC9DB979B84}"/>
          </ac:grpSpMkLst>
        </pc:grpChg>
        <pc:grpChg chg="mod">
          <ac:chgData name="Nathalie Lefebvre" userId="ca85e43e-fca0-4ff5-ad55-8bc525a9adb5" providerId="ADAL" clId="{7377BB69-7766-4AF5-80A2-60338EB051DE}" dt="2020-11-04T02:13:16.119" v="617" actId="1035"/>
          <ac:grpSpMkLst>
            <pc:docMk/>
            <pc:sldMk cId="61091477" sldId="258"/>
            <ac:grpSpMk id="25" creationId="{3918C8B4-69B8-499D-A277-18AE7198594A}"/>
          </ac:grpSpMkLst>
        </pc:grpChg>
        <pc:grpChg chg="add mod">
          <ac:chgData name="Nathalie Lefebvre" userId="ca85e43e-fca0-4ff5-ad55-8bc525a9adb5" providerId="ADAL" clId="{7377BB69-7766-4AF5-80A2-60338EB051DE}" dt="2020-11-04T02:08:17.607" v="477" actId="1035"/>
          <ac:grpSpMkLst>
            <pc:docMk/>
            <pc:sldMk cId="61091477" sldId="258"/>
            <ac:grpSpMk id="130" creationId="{D4B99DA9-F07B-40BB-866F-6C875ACE4F13}"/>
          </ac:grpSpMkLst>
        </pc:grpChg>
        <pc:grpChg chg="add mod">
          <ac:chgData name="Nathalie Lefebvre" userId="ca85e43e-fca0-4ff5-ad55-8bc525a9adb5" providerId="ADAL" clId="{7377BB69-7766-4AF5-80A2-60338EB051DE}" dt="2020-11-04T02:15:47.056" v="659" actId="1076"/>
          <ac:grpSpMkLst>
            <pc:docMk/>
            <pc:sldMk cId="61091477" sldId="258"/>
            <ac:grpSpMk id="140" creationId="{0A241A8F-FB24-4205-B564-BA981C12D7D0}"/>
          </ac:grpSpMkLst>
        </pc:grpChg>
        <pc:grpChg chg="add mod">
          <ac:chgData name="Nathalie Lefebvre" userId="ca85e43e-fca0-4ff5-ad55-8bc525a9adb5" providerId="ADAL" clId="{7377BB69-7766-4AF5-80A2-60338EB051DE}" dt="2020-11-04T02:16:00.851" v="661" actId="1076"/>
          <ac:grpSpMkLst>
            <pc:docMk/>
            <pc:sldMk cId="61091477" sldId="258"/>
            <ac:grpSpMk id="149" creationId="{13DDF8FD-C050-41C1-8467-C626FA98DA62}"/>
          </ac:grpSpMkLst>
        </pc:grpChg>
        <pc:grpChg chg="add mod">
          <ac:chgData name="Nathalie Lefebvre" userId="ca85e43e-fca0-4ff5-ad55-8bc525a9adb5" providerId="ADAL" clId="{7377BB69-7766-4AF5-80A2-60338EB051DE}" dt="2020-11-04T02:15:39.243" v="658" actId="1076"/>
          <ac:grpSpMkLst>
            <pc:docMk/>
            <pc:sldMk cId="61091477" sldId="258"/>
            <ac:grpSpMk id="169" creationId="{819BE69B-4BD0-4CF9-A1B5-3603D425FDBD}"/>
          </ac:grpSpMkLst>
        </pc:grpChg>
        <pc:grpChg chg="mod">
          <ac:chgData name="Nathalie Lefebvre" userId="ca85e43e-fca0-4ff5-ad55-8bc525a9adb5" providerId="ADAL" clId="{7377BB69-7766-4AF5-80A2-60338EB051DE}" dt="2020-11-04T02:08:17.607" v="477" actId="1035"/>
          <ac:grpSpMkLst>
            <pc:docMk/>
            <pc:sldMk cId="61091477" sldId="258"/>
            <ac:grpSpMk id="171" creationId="{78A59AD8-01E3-4FF8-9E0F-B38E48A1726C}"/>
          </ac:grpSpMkLst>
        </pc:grpChg>
        <pc:grpChg chg="add mod">
          <ac:chgData name="Nathalie Lefebvre" userId="ca85e43e-fca0-4ff5-ad55-8bc525a9adb5" providerId="ADAL" clId="{7377BB69-7766-4AF5-80A2-60338EB051DE}" dt="2020-11-04T02:15:52.538" v="660" actId="1076"/>
          <ac:grpSpMkLst>
            <pc:docMk/>
            <pc:sldMk cId="61091477" sldId="258"/>
            <ac:grpSpMk id="177" creationId="{28CA4DFE-099C-4584-8240-9044A08BE4DE}"/>
          </ac:grpSpMkLst>
        </pc:grpChg>
        <pc:picChg chg="mod">
          <ac:chgData name="Nathalie Lefebvre" userId="ca85e43e-fca0-4ff5-ad55-8bc525a9adb5" providerId="ADAL" clId="{7377BB69-7766-4AF5-80A2-60338EB051DE}" dt="2020-11-04T02:12:14.217" v="552" actId="1076"/>
          <ac:picMkLst>
            <pc:docMk/>
            <pc:sldMk cId="61091477" sldId="258"/>
            <ac:picMk id="150" creationId="{F74FE012-F9E1-4D17-ACDF-3B4AEC91D738}"/>
          </ac:picMkLst>
        </pc:picChg>
        <pc:picChg chg="mod">
          <ac:chgData name="Nathalie Lefebvre" userId="ca85e43e-fca0-4ff5-ad55-8bc525a9adb5" providerId="ADAL" clId="{7377BB69-7766-4AF5-80A2-60338EB051DE}" dt="2020-11-04T02:15:21.186" v="657" actId="208"/>
          <ac:picMkLst>
            <pc:docMk/>
            <pc:sldMk cId="61091477" sldId="258"/>
            <ac:picMk id="172" creationId="{D4B22657-DAAC-4147-A857-20AD4582966A}"/>
          </ac:picMkLst>
        </pc:picChg>
        <pc:cxnChg chg="mod">
          <ac:chgData name="Nathalie Lefebvre" userId="ca85e43e-fca0-4ff5-ad55-8bc525a9adb5" providerId="ADAL" clId="{7377BB69-7766-4AF5-80A2-60338EB051DE}" dt="2020-11-04T02:13:16.119" v="617" actId="1035"/>
          <ac:cxnSpMkLst>
            <pc:docMk/>
            <pc:sldMk cId="61091477" sldId="258"/>
            <ac:cxnSpMk id="52" creationId="{F54047B2-9C08-4A8C-A924-AA676C29FB41}"/>
          </ac:cxnSpMkLst>
        </pc:cxnChg>
        <pc:cxnChg chg="mod">
          <ac:chgData name="Nathalie Lefebvre" userId="ca85e43e-fca0-4ff5-ad55-8bc525a9adb5" providerId="ADAL" clId="{7377BB69-7766-4AF5-80A2-60338EB051DE}" dt="2020-11-04T02:13:16.119" v="617" actId="1035"/>
          <ac:cxnSpMkLst>
            <pc:docMk/>
            <pc:sldMk cId="61091477" sldId="258"/>
            <ac:cxnSpMk id="124" creationId="{0ECD7D0F-80D1-4D75-A17F-3E2E46570DE4}"/>
          </ac:cxnSpMkLst>
        </pc:cxnChg>
        <pc:cxnChg chg="mod">
          <ac:chgData name="Nathalie Lefebvre" userId="ca85e43e-fca0-4ff5-ad55-8bc525a9adb5" providerId="ADAL" clId="{7377BB69-7766-4AF5-80A2-60338EB051DE}" dt="2020-11-04T02:13:16.119" v="617" actId="1035"/>
          <ac:cxnSpMkLst>
            <pc:docMk/>
            <pc:sldMk cId="61091477" sldId="258"/>
            <ac:cxnSpMk id="154" creationId="{BDE716C9-4F7D-4C14-9DD7-E104B8688070}"/>
          </ac:cxnSpMkLst>
        </pc:cxnChg>
        <pc:cxnChg chg="mod">
          <ac:chgData name="Nathalie Lefebvre" userId="ca85e43e-fca0-4ff5-ad55-8bc525a9adb5" providerId="ADAL" clId="{7377BB69-7766-4AF5-80A2-60338EB051DE}" dt="2020-11-04T02:13:16.119" v="617" actId="1035"/>
          <ac:cxnSpMkLst>
            <pc:docMk/>
            <pc:sldMk cId="61091477" sldId="258"/>
            <ac:cxnSpMk id="155" creationId="{975C6F4D-FEC6-41F0-80BD-1FBB84859CE0}"/>
          </ac:cxnSpMkLst>
        </pc:cxnChg>
        <pc:cxnChg chg="mod">
          <ac:chgData name="Nathalie Lefebvre" userId="ca85e43e-fca0-4ff5-ad55-8bc525a9adb5" providerId="ADAL" clId="{7377BB69-7766-4AF5-80A2-60338EB051DE}" dt="2020-11-04T02:13:16.119" v="617" actId="1035"/>
          <ac:cxnSpMkLst>
            <pc:docMk/>
            <pc:sldMk cId="61091477" sldId="258"/>
            <ac:cxnSpMk id="186" creationId="{58C06FCD-B8D5-441F-8E12-DDC26E69D281}"/>
          </ac:cxnSpMkLst>
        </pc:cxnChg>
      </pc:sldChg>
    </pc:docChg>
  </pc:docChgLst>
  <pc:docChgLst>
    <pc:chgData name="Nathalie Lefebvre" userId="S::lefn2401@usherbrooke.ca::ca85e43e-fca0-4ff5-ad55-8bc525a9adb5" providerId="AD" clId="Web-{A8B45EF5-F029-49AB-9549-E29BA764E75D}"/>
    <pc:docChg chg="modSld">
      <pc:chgData name="Nathalie Lefebvre" userId="S::lefn2401@usherbrooke.ca::ca85e43e-fca0-4ff5-ad55-8bc525a9adb5" providerId="AD" clId="Web-{A8B45EF5-F029-49AB-9549-E29BA764E75D}" dt="2020-11-04T02:25:39.820" v="7" actId="1076"/>
      <pc:docMkLst>
        <pc:docMk/>
      </pc:docMkLst>
      <pc:sldChg chg="modSp">
        <pc:chgData name="Nathalie Lefebvre" userId="S::lefn2401@usherbrooke.ca::ca85e43e-fca0-4ff5-ad55-8bc525a9adb5" providerId="AD" clId="Web-{A8B45EF5-F029-49AB-9549-E29BA764E75D}" dt="2020-11-04T02:25:39.820" v="7" actId="1076"/>
        <pc:sldMkLst>
          <pc:docMk/>
          <pc:sldMk cId="61091477" sldId="258"/>
        </pc:sldMkLst>
        <pc:spChg chg="mod">
          <ac:chgData name="Nathalie Lefebvre" userId="S::lefn2401@usherbrooke.ca::ca85e43e-fca0-4ff5-ad55-8bc525a9adb5" providerId="AD" clId="Web-{A8B45EF5-F029-49AB-9549-E29BA764E75D}" dt="2020-11-04T02:24:56.599" v="3" actId="1076"/>
          <ac:spMkLst>
            <pc:docMk/>
            <pc:sldMk cId="61091477" sldId="258"/>
            <ac:spMk id="2" creationId="{64E02AE9-6B6C-4B9C-ABBB-1E374B6CA82E}"/>
          </ac:spMkLst>
        </pc:spChg>
        <pc:spChg chg="mod">
          <ac:chgData name="Nathalie Lefebvre" userId="S::lefn2401@usherbrooke.ca::ca85e43e-fca0-4ff5-ad55-8bc525a9adb5" providerId="AD" clId="Web-{A8B45EF5-F029-49AB-9549-E29BA764E75D}" dt="2020-11-04T02:25:22.835" v="5" actId="1076"/>
          <ac:spMkLst>
            <pc:docMk/>
            <pc:sldMk cId="61091477" sldId="258"/>
            <ac:spMk id="189" creationId="{4216F653-445A-48AE-9E7F-2BCB19F1649E}"/>
          </ac:spMkLst>
        </pc:spChg>
        <pc:spChg chg="mod">
          <ac:chgData name="Nathalie Lefebvre" userId="S::lefn2401@usherbrooke.ca::ca85e43e-fca0-4ff5-ad55-8bc525a9adb5" providerId="AD" clId="Web-{A8B45EF5-F029-49AB-9549-E29BA764E75D}" dt="2020-11-04T02:24:35.097" v="2" actId="1076"/>
          <ac:spMkLst>
            <pc:docMk/>
            <pc:sldMk cId="61091477" sldId="258"/>
            <ac:spMk id="190" creationId="{A39C3188-7311-466A-8363-02881CE1722D}"/>
          </ac:spMkLst>
        </pc:spChg>
        <pc:grpChg chg="mod">
          <ac:chgData name="Nathalie Lefebvre" userId="S::lefn2401@usherbrooke.ca::ca85e43e-fca0-4ff5-ad55-8bc525a9adb5" providerId="AD" clId="Web-{A8B45EF5-F029-49AB-9549-E29BA764E75D}" dt="2020-11-04T02:24:30.675" v="1" actId="1076"/>
          <ac:grpSpMkLst>
            <pc:docMk/>
            <pc:sldMk cId="61091477" sldId="258"/>
            <ac:grpSpMk id="13" creationId="{4ACC178D-DE1C-476D-BD2B-DDD03D3DC824}"/>
          </ac:grpSpMkLst>
        </pc:grpChg>
        <pc:grpChg chg="mod">
          <ac:chgData name="Nathalie Lefebvre" userId="S::lefn2401@usherbrooke.ca::ca85e43e-fca0-4ff5-ad55-8bc525a9adb5" providerId="AD" clId="Web-{A8B45EF5-F029-49AB-9549-E29BA764E75D}" dt="2020-11-04T02:25:39.820" v="7" actId="1076"/>
          <ac:grpSpMkLst>
            <pc:docMk/>
            <pc:sldMk cId="61091477" sldId="258"/>
            <ac:grpSpMk id="19" creationId="{2A88F9CD-42D2-4C63-8F04-F26A9F3B40C6}"/>
          </ac:grpSpMkLst>
        </pc:grpChg>
        <pc:grpChg chg="mod">
          <ac:chgData name="Nathalie Lefebvre" userId="S::lefn2401@usherbrooke.ca::ca85e43e-fca0-4ff5-ad55-8bc525a9adb5" providerId="AD" clId="Web-{A8B45EF5-F029-49AB-9549-E29BA764E75D}" dt="2020-11-04T02:25:32.554" v="6" actId="1076"/>
          <ac:grpSpMkLst>
            <pc:docMk/>
            <pc:sldMk cId="61091477" sldId="258"/>
            <ac:grpSpMk id="25" creationId="{3918C8B4-69B8-499D-A277-18AE7198594A}"/>
          </ac:grpSpMkLst>
        </pc:gr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0F5E46C1-8EAC-4C50-8BBF-DD9B9B32B175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DA65F5D-7ACF-4D3C-8030-CDFDCB0FDC01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A541A70-3912-4AB9-AFD6-255783BA5251}" type="datetimeFigureOut">
              <a:rPr lang="en-US" smtClean="0"/>
              <a:t>11/4/2020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17B0833-67D1-4ECC-9A85-F9763E8A8BAA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0F7D5FE-CBD8-444C-9549-A6D672A2D33E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0555BC0-BB60-4F4F-BF4A-EB981E6CDD82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609122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9D7F07F-B36A-4ACE-AFA1-B088790A3DCB}" type="datetimeFigureOut">
              <a:rPr lang="en-US" smtClean="0"/>
              <a:t>11/4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FEE0F04-66C2-4CA7-8D91-18E0ED4D5981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266730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DAA810-4EEC-4D0F-B163-DFC963816F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noProof="0"/>
              <a:t>Modifiez le style du titre</a:t>
            </a:r>
            <a:endParaRPr lang="en-US" noProof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1FB6233-FC4F-4628-BA1D-2782F6494517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noProof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4A1D367-A9C7-46F9-B78E-724D1BEC0650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83ADE164-D45A-44D8-82C5-2E0962BB70DA}" type="slidenum">
              <a:rPr lang="en-US" noProof="0" smtClean="0"/>
              <a:t>‹N°›</a:t>
            </a:fld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32217839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EB02131-22DB-4754-A433-C2056EBF56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432000"/>
            <a:ext cx="11340000" cy="540000"/>
          </a:xfrm>
          <a:prstGeom prst="rect">
            <a:avLst/>
          </a:prstGeom>
        </p:spPr>
        <p:txBody>
          <a:bodyPr vert="horz" lIns="0" tIns="0" rIns="0" bIns="0" rtlCol="0" anchor="t">
            <a:normAutofit/>
          </a:bodyPr>
          <a:lstStyle/>
          <a:p>
            <a:r>
              <a:rPr lang="fr-FR" noProof="0"/>
              <a:t>Modifiez le style du titre</a:t>
            </a:r>
            <a:endParaRPr lang="en-US" noProof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0150D3D-41CA-4DC7-907E-3C00ACD28A3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31999" y="1224000"/>
            <a:ext cx="11339999" cy="485874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noProof="0"/>
              <a:t>Cliquez pour modifier les styles du texte du masque</a:t>
            </a:r>
          </a:p>
          <a:p>
            <a:pPr lvl="1"/>
            <a:r>
              <a:rPr lang="fr-FR" noProof="0"/>
              <a:t>Deuxième niveau</a:t>
            </a:r>
          </a:p>
          <a:p>
            <a:pPr lvl="2"/>
            <a:r>
              <a:rPr lang="fr-FR" noProof="0"/>
              <a:t>Troisième niveau</a:t>
            </a:r>
          </a:p>
          <a:p>
            <a:pPr lvl="3"/>
            <a:r>
              <a:rPr lang="fr-FR" noProof="0"/>
              <a:t>Quatrième niveau</a:t>
            </a:r>
          </a:p>
          <a:p>
            <a:pPr lvl="4"/>
            <a:r>
              <a:rPr lang="fr-FR" noProof="0"/>
              <a:t>Cinquième niveau</a:t>
            </a:r>
            <a:endParaRPr lang="en-US" noProof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06C7A0-E91C-4A95-B866-B5D3FEE093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31999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noProof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F51BA1-B199-498E-8F99-F7D1F5869B9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28798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3ADE164-D45A-44D8-82C5-2E0962BB70DA}" type="slidenum">
              <a:rPr lang="en-US" noProof="0" smtClean="0"/>
              <a:t>‹N°›</a:t>
            </a:fld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13332876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2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slideLayout" Target="../slideLayouts/slideLayout1.xml"/><Relationship Id="rId18" Type="http://schemas.openxmlformats.org/officeDocument/2006/relationships/image" Target="../media/image5.png"/><Relationship Id="rId3" Type="http://schemas.openxmlformats.org/officeDocument/2006/relationships/tags" Target="../tags/tag3.xml"/><Relationship Id="rId21" Type="http://schemas.openxmlformats.org/officeDocument/2006/relationships/hyperlink" Target="http://creativecommons.org/licenses/by-sa/4.0/" TargetMode="Externa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image" Target="../media/image4.svg"/><Relationship Id="rId2" Type="http://schemas.openxmlformats.org/officeDocument/2006/relationships/tags" Target="../tags/tag2.xml"/><Relationship Id="rId16" Type="http://schemas.openxmlformats.org/officeDocument/2006/relationships/image" Target="../media/image3.png"/><Relationship Id="rId20" Type="http://schemas.openxmlformats.org/officeDocument/2006/relationships/image" Target="../media/image7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image" Target="../media/image2.svg"/><Relationship Id="rId10" Type="http://schemas.openxmlformats.org/officeDocument/2006/relationships/tags" Target="../tags/tag10.xml"/><Relationship Id="rId19" Type="http://schemas.openxmlformats.org/officeDocument/2006/relationships/image" Target="../media/image6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image" Target="../media/image1.png"/><Relationship Id="rId22" Type="http://schemas.openxmlformats.org/officeDocument/2006/relationships/image" Target="../media/image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 : coins arrondis 2">
            <a:extLst>
              <a:ext uri="{FF2B5EF4-FFF2-40B4-BE49-F238E27FC236}">
                <a16:creationId xmlns:a16="http://schemas.microsoft.com/office/drawing/2014/main" id="{0D4D99DE-7CFD-4F72-86D0-B6ECA8A72F9F}"/>
              </a:ext>
            </a:extLst>
          </p:cNvPr>
          <p:cNvSpPr/>
          <p:nvPr/>
        </p:nvSpPr>
        <p:spPr>
          <a:xfrm>
            <a:off x="7752795" y="62375"/>
            <a:ext cx="4363040" cy="1029950"/>
          </a:xfrm>
          <a:prstGeom prst="roundRect">
            <a:avLst/>
          </a:prstGeom>
          <a:solidFill>
            <a:schemeClr val="bg1">
              <a:lumMod val="95000"/>
            </a:schemeClr>
          </a:solidFill>
          <a:ln w="28575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A"/>
          </a:p>
        </p:txBody>
      </p:sp>
      <p:sp>
        <p:nvSpPr>
          <p:cNvPr id="11" name="Slide Title">
            <a:extLst>
              <a:ext uri="{FF2B5EF4-FFF2-40B4-BE49-F238E27FC236}">
                <a16:creationId xmlns:a16="http://schemas.microsoft.com/office/drawing/2014/main" id="{82336B3C-0982-49C2-85B3-D4D69E4359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9417" y="155950"/>
            <a:ext cx="11340000" cy="1790455"/>
          </a:xfrm>
        </p:spPr>
        <p:txBody>
          <a:bodyPr>
            <a:normAutofit/>
          </a:bodyPr>
          <a:lstStyle/>
          <a:p>
            <a:r>
              <a:rPr lang="en-US" err="1"/>
              <a:t>Ligne</a:t>
            </a:r>
            <a:r>
              <a:rPr lang="en-US"/>
              <a:t> du temps</a:t>
            </a:r>
            <a:br>
              <a:rPr lang="en-US"/>
            </a:br>
            <a:r>
              <a:rPr lang="en-US" sz="2400" err="1"/>
              <a:t>Titre</a:t>
            </a:r>
            <a:r>
              <a:rPr lang="en-US" sz="2400"/>
              <a:t> du </a:t>
            </a:r>
            <a:r>
              <a:rPr lang="en-US" sz="2400" err="1"/>
              <a:t>cours</a:t>
            </a:r>
            <a:r>
              <a:rPr lang="en-US" sz="2400"/>
              <a:t> (Sigle) </a:t>
            </a:r>
            <a:br>
              <a:rPr lang="en-US"/>
            </a:br>
            <a:r>
              <a:rPr lang="en-US" sz="2000" err="1"/>
              <a:t>Cibles</a:t>
            </a:r>
            <a:r>
              <a:rPr lang="en-US" sz="2000"/>
              <a:t> de formation: </a:t>
            </a:r>
            <a:br>
              <a:rPr lang="en-US" sz="2000"/>
            </a:br>
            <a:r>
              <a:rPr lang="en-US" sz="2000"/>
              <a:t>- …</a:t>
            </a:r>
            <a:endParaRPr lang="en-US"/>
          </a:p>
        </p:txBody>
      </p:sp>
      <p:grpSp>
        <p:nvGrpSpPr>
          <p:cNvPr id="10" name="Group 9" title="Milestone">
            <a:extLst>
              <a:ext uri="{FF2B5EF4-FFF2-40B4-BE49-F238E27FC236}">
                <a16:creationId xmlns:a16="http://schemas.microsoft.com/office/drawing/2014/main" id="{6BE69F2F-25E5-4E14-9BE7-F81A1FB8E199}"/>
              </a:ext>
            </a:extLst>
          </p:cNvPr>
          <p:cNvGrpSpPr/>
          <p:nvPr/>
        </p:nvGrpSpPr>
        <p:grpSpPr>
          <a:xfrm>
            <a:off x="447329" y="2332431"/>
            <a:ext cx="1927217" cy="890061"/>
            <a:chOff x="446364" y="3962124"/>
            <a:chExt cx="1927217" cy="890061"/>
          </a:xfrm>
        </p:grpSpPr>
        <p:grpSp>
          <p:nvGrpSpPr>
            <p:cNvPr id="5" name="Group 4" title="Milestone Text">
              <a:extLst>
                <a:ext uri="{FF2B5EF4-FFF2-40B4-BE49-F238E27FC236}">
                  <a16:creationId xmlns:a16="http://schemas.microsoft.com/office/drawing/2014/main" id="{115A178B-57C4-4B9D-B684-21A92431913E}"/>
                </a:ext>
              </a:extLst>
            </p:cNvPr>
            <p:cNvGrpSpPr/>
            <p:nvPr/>
          </p:nvGrpSpPr>
          <p:grpSpPr>
            <a:xfrm>
              <a:off x="1078799" y="4027988"/>
              <a:ext cx="1294782" cy="727511"/>
              <a:chOff x="1510892" y="3741332"/>
              <a:chExt cx="1294782" cy="727511"/>
            </a:xfrm>
          </p:grpSpPr>
          <p:sp>
            <p:nvSpPr>
              <p:cNvPr id="60" name="TextBox 59">
                <a:extLst>
                  <a:ext uri="{FF2B5EF4-FFF2-40B4-BE49-F238E27FC236}">
                    <a16:creationId xmlns:a16="http://schemas.microsoft.com/office/drawing/2014/main" id="{3DD2C9D1-5E8D-4ED2-989C-330D6753B965}"/>
                  </a:ext>
                </a:extLst>
              </p:cNvPr>
              <p:cNvSpPr txBox="1"/>
              <p:nvPr/>
            </p:nvSpPr>
            <p:spPr>
              <a:xfrm>
                <a:off x="1510892" y="3741332"/>
                <a:ext cx="1294782" cy="27699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US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Module </a:t>
                </a:r>
              </a:p>
            </p:txBody>
          </p:sp>
          <p:sp>
            <p:nvSpPr>
              <p:cNvPr id="61" name="TextBox 60">
                <a:extLst>
                  <a:ext uri="{FF2B5EF4-FFF2-40B4-BE49-F238E27FC236}">
                    <a16:creationId xmlns:a16="http://schemas.microsoft.com/office/drawing/2014/main" id="{A6E28C73-4CCB-4BDB-82CA-BEE3A58D33D9}"/>
                  </a:ext>
                </a:extLst>
              </p:cNvPr>
              <p:cNvSpPr txBox="1"/>
              <p:nvPr/>
            </p:nvSpPr>
            <p:spPr>
              <a:xfrm>
                <a:off x="1510892" y="4049788"/>
                <a:ext cx="1294782" cy="15388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US" sz="1000" err="1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Cibles</a:t>
                </a:r>
                <a:r>
                  <a:rPr lang="en-US" sz="1000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 </a:t>
                </a:r>
                <a:r>
                  <a:rPr lang="en-US" sz="1000" err="1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d’apprentissage</a:t>
                </a:r>
                <a:endParaRPr lang="en-US" sz="1000">
                  <a:solidFill>
                    <a:schemeClr val="tx1">
                      <a:lumMod val="75000"/>
                      <a:lumOff val="25000"/>
                    </a:schemeClr>
                  </a:solidFill>
                </a:endParaRPr>
              </a:p>
            </p:txBody>
          </p:sp>
          <p:sp>
            <p:nvSpPr>
              <p:cNvPr id="63" name="TextBox 62">
                <a:extLst>
                  <a:ext uri="{FF2B5EF4-FFF2-40B4-BE49-F238E27FC236}">
                    <a16:creationId xmlns:a16="http://schemas.microsoft.com/office/drawing/2014/main" id="{36E6E519-8D5B-4E7C-9E35-2BB710F5C3A8}"/>
                  </a:ext>
                </a:extLst>
              </p:cNvPr>
              <p:cNvSpPr txBox="1"/>
              <p:nvPr/>
            </p:nvSpPr>
            <p:spPr>
              <a:xfrm>
                <a:off x="1510893" y="4233106"/>
                <a:ext cx="1294781" cy="235737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r>
                  <a:rPr lang="en-US" sz="1000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…</a:t>
                </a:r>
              </a:p>
            </p:txBody>
          </p:sp>
        </p:grpSp>
        <p:sp>
          <p:nvSpPr>
            <p:cNvPr id="113" name="Rectangle: Rounded Corners 112" title="Milestone Graphic">
              <a:extLst>
                <a:ext uri="{FF2B5EF4-FFF2-40B4-BE49-F238E27FC236}">
                  <a16:creationId xmlns:a16="http://schemas.microsoft.com/office/drawing/2014/main" id="{3BC77ADA-7AD2-4DFC-9408-57E93582FC52}"/>
                </a:ext>
              </a:extLst>
            </p:cNvPr>
            <p:cNvSpPr/>
            <p:nvPr/>
          </p:nvSpPr>
          <p:spPr>
            <a:xfrm>
              <a:off x="1063123" y="4701064"/>
              <a:ext cx="873222" cy="151121"/>
            </a:xfrm>
            <a:prstGeom prst="roundRect">
              <a:avLst>
                <a:gd name="adj" fmla="val 50000"/>
              </a:avLst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6" name="Graphic 5" title="Milestone Flag">
              <a:extLst>
                <a:ext uri="{FF2B5EF4-FFF2-40B4-BE49-F238E27FC236}">
                  <a16:creationId xmlns:a16="http://schemas.microsoft.com/office/drawing/2014/main" id="{CA3F94A4-2D7F-4B6C-83F0-52217E90B26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rcRect l="33525" t="18748" r="17129" b="44918"/>
            <a:stretch/>
          </p:blipFill>
          <p:spPr>
            <a:xfrm flipH="1">
              <a:off x="446364" y="3962124"/>
              <a:ext cx="573660" cy="422383"/>
            </a:xfrm>
            <a:prstGeom prst="rect">
              <a:avLst/>
            </a:prstGeom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1CA9D4D8-9AC5-4EE6-B531-3E887152BA89}"/>
                </a:ext>
              </a:extLst>
            </p:cNvPr>
            <p:cNvSpPr/>
            <p:nvPr/>
          </p:nvSpPr>
          <p:spPr>
            <a:xfrm>
              <a:off x="684583" y="4054460"/>
              <a:ext cx="344966" cy="2769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r>
                <a:rPr lang="en-US" sz="120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01</a:t>
              </a:r>
            </a:p>
          </p:txBody>
        </p:sp>
      </p:grpSp>
      <p:cxnSp>
        <p:nvCxnSpPr>
          <p:cNvPr id="186" name="Straight Connector 185" title="callout lines">
            <a:extLst>
              <a:ext uri="{FF2B5EF4-FFF2-40B4-BE49-F238E27FC236}">
                <a16:creationId xmlns:a16="http://schemas.microsoft.com/office/drawing/2014/main" id="{58C06FCD-B8D5-441F-8E12-DDC26E69D281}"/>
              </a:ext>
            </a:extLst>
          </p:cNvPr>
          <p:cNvCxnSpPr>
            <a:cxnSpLocks/>
          </p:cNvCxnSpPr>
          <p:nvPr/>
        </p:nvCxnSpPr>
        <p:spPr>
          <a:xfrm>
            <a:off x="1180492" y="3204752"/>
            <a:ext cx="0" cy="1005717"/>
          </a:xfrm>
          <a:prstGeom prst="line">
            <a:avLst/>
          </a:prstGeom>
          <a:ln cmpd="sng">
            <a:solidFill>
              <a:schemeClr val="bg1">
                <a:lumMod val="85000"/>
              </a:schemeClr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1" name="Group 20" descr="Year 1">
            <a:extLst>
              <a:ext uri="{FF2B5EF4-FFF2-40B4-BE49-F238E27FC236}">
                <a16:creationId xmlns:a16="http://schemas.microsoft.com/office/drawing/2014/main" id="{5D2F3933-9B72-4828-BCB7-541ECBDEFC11}"/>
              </a:ext>
            </a:extLst>
          </p:cNvPr>
          <p:cNvGrpSpPr/>
          <p:nvPr/>
        </p:nvGrpSpPr>
        <p:grpSpPr>
          <a:xfrm>
            <a:off x="947514" y="3158608"/>
            <a:ext cx="2573329" cy="768126"/>
            <a:chOff x="1046545" y="5778006"/>
            <a:chExt cx="2573329" cy="768126"/>
          </a:xfrm>
        </p:grpSpPr>
        <p:sp>
          <p:nvSpPr>
            <p:cNvPr id="158" name="Oval 157">
              <a:extLst>
                <a:ext uri="{FF2B5EF4-FFF2-40B4-BE49-F238E27FC236}">
                  <a16:creationId xmlns:a16="http://schemas.microsoft.com/office/drawing/2014/main" id="{74AE39C1-CE7F-4294-BA9F-DE5050CFDD2F}"/>
                </a:ext>
              </a:extLst>
            </p:cNvPr>
            <p:cNvSpPr/>
            <p:nvPr/>
          </p:nvSpPr>
          <p:spPr>
            <a:xfrm>
              <a:off x="3004439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5" name="Oval 144">
              <a:extLst>
                <a:ext uri="{FF2B5EF4-FFF2-40B4-BE49-F238E27FC236}">
                  <a16:creationId xmlns:a16="http://schemas.microsoft.com/office/drawing/2014/main" id="{4EC46266-F9A2-46D0-9AAB-09889D0F8267}"/>
                </a:ext>
              </a:extLst>
            </p:cNvPr>
            <p:cNvSpPr/>
            <p:nvPr/>
          </p:nvSpPr>
          <p:spPr>
            <a:xfrm>
              <a:off x="2346810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4" name="Oval 133">
              <a:extLst>
                <a:ext uri="{FF2B5EF4-FFF2-40B4-BE49-F238E27FC236}">
                  <a16:creationId xmlns:a16="http://schemas.microsoft.com/office/drawing/2014/main" id="{90488C51-8860-4A29-A9FF-840EEF3025C6}"/>
                </a:ext>
              </a:extLst>
            </p:cNvPr>
            <p:cNvSpPr/>
            <p:nvPr/>
          </p:nvSpPr>
          <p:spPr>
            <a:xfrm>
              <a:off x="1702547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6" name="Oval 25">
              <a:extLst>
                <a:ext uri="{FF2B5EF4-FFF2-40B4-BE49-F238E27FC236}">
                  <a16:creationId xmlns:a16="http://schemas.microsoft.com/office/drawing/2014/main" id="{2816A943-3130-484E-97D1-6C7917F3DD30}"/>
                </a:ext>
              </a:extLst>
            </p:cNvPr>
            <p:cNvSpPr/>
            <p:nvPr/>
          </p:nvSpPr>
          <p:spPr>
            <a:xfrm>
              <a:off x="1056583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36" name="Straight Connector 35" title="q lines">
              <a:extLst>
                <a:ext uri="{FF2B5EF4-FFF2-40B4-BE49-F238E27FC236}">
                  <a16:creationId xmlns:a16="http://schemas.microsoft.com/office/drawing/2014/main" id="{095D6F0B-DF34-40DB-AB6A-1DF127E26984}"/>
                </a:ext>
              </a:extLst>
            </p:cNvPr>
            <p:cNvCxnSpPr>
              <a:cxnSpLocks/>
            </p:cNvCxnSpPr>
            <p:nvPr/>
          </p:nvCxnSpPr>
          <p:spPr>
            <a:xfrm>
              <a:off x="2475056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 title="q lines">
              <a:extLst>
                <a:ext uri="{FF2B5EF4-FFF2-40B4-BE49-F238E27FC236}">
                  <a16:creationId xmlns:a16="http://schemas.microsoft.com/office/drawing/2014/main" id="{4B8B0E64-F638-410E-B55B-23FF670F97FA}"/>
                </a:ext>
              </a:extLst>
            </p:cNvPr>
            <p:cNvCxnSpPr>
              <a:cxnSpLocks/>
            </p:cNvCxnSpPr>
            <p:nvPr/>
          </p:nvCxnSpPr>
          <p:spPr>
            <a:xfrm>
              <a:off x="3122338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8" name="Straight Connector 117" title="q lines">
              <a:extLst>
                <a:ext uri="{FF2B5EF4-FFF2-40B4-BE49-F238E27FC236}">
                  <a16:creationId xmlns:a16="http://schemas.microsoft.com/office/drawing/2014/main" id="{35C4D3D7-7424-4459-8D25-38F63FBA31EE}"/>
                </a:ext>
              </a:extLst>
            </p:cNvPr>
            <p:cNvCxnSpPr>
              <a:cxnSpLocks/>
            </p:cNvCxnSpPr>
            <p:nvPr/>
          </p:nvCxnSpPr>
          <p:spPr>
            <a:xfrm>
              <a:off x="1827774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" name="Rectangle: Rounded Corners 1" title="Year Bar">
              <a:extLst>
                <a:ext uri="{FF2B5EF4-FFF2-40B4-BE49-F238E27FC236}">
                  <a16:creationId xmlns:a16="http://schemas.microsoft.com/office/drawing/2014/main" id="{64E02AE9-6B6C-4B9C-ABBB-1E374B6CA82E}"/>
                </a:ext>
              </a:extLst>
            </p:cNvPr>
            <p:cNvSpPr/>
            <p:nvPr/>
          </p:nvSpPr>
          <p:spPr>
            <a:xfrm>
              <a:off x="1046545" y="6381273"/>
              <a:ext cx="2573329" cy="164859"/>
            </a:xfrm>
            <a:prstGeom prst="roundRect">
              <a:avLst>
                <a:gd name="adj" fmla="val 50000"/>
              </a:avLst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2" name="TextBox 71">
              <a:extLst>
                <a:ext uri="{FF2B5EF4-FFF2-40B4-BE49-F238E27FC236}">
                  <a16:creationId xmlns:a16="http://schemas.microsoft.com/office/drawing/2014/main" id="{4E8CE979-A9B5-418A-BC22-CF6E42776816}"/>
                </a:ext>
              </a:extLst>
            </p:cNvPr>
            <p:cNvSpPr txBox="1"/>
            <p:nvPr/>
          </p:nvSpPr>
          <p:spPr>
            <a:xfrm>
              <a:off x="107438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1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73" name="TextBox 72">
              <a:extLst>
                <a:ext uri="{FF2B5EF4-FFF2-40B4-BE49-F238E27FC236}">
                  <a16:creationId xmlns:a16="http://schemas.microsoft.com/office/drawing/2014/main" id="{6DF41A29-164B-42EC-9F68-19D2E3AEC527}"/>
                </a:ext>
              </a:extLst>
            </p:cNvPr>
            <p:cNvSpPr txBox="1"/>
            <p:nvPr/>
          </p:nvSpPr>
          <p:spPr>
            <a:xfrm>
              <a:off x="172183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2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7162BA43-FD37-4686-8437-28F117A90A25}"/>
                </a:ext>
              </a:extLst>
            </p:cNvPr>
            <p:cNvSpPr txBox="1"/>
            <p:nvPr/>
          </p:nvSpPr>
          <p:spPr>
            <a:xfrm>
              <a:off x="236928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3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75" name="TextBox 74">
              <a:extLst>
                <a:ext uri="{FF2B5EF4-FFF2-40B4-BE49-F238E27FC236}">
                  <a16:creationId xmlns:a16="http://schemas.microsoft.com/office/drawing/2014/main" id="{2717FE78-5079-4505-AEB2-D90CAE956F0A}"/>
                </a:ext>
              </a:extLst>
            </p:cNvPr>
            <p:cNvSpPr txBox="1"/>
            <p:nvPr/>
          </p:nvSpPr>
          <p:spPr>
            <a:xfrm>
              <a:off x="301673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4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cxnSp>
          <p:nvCxnSpPr>
            <p:cNvPr id="114" name="Straight Connector 113" title="q lines">
              <a:extLst>
                <a:ext uri="{FF2B5EF4-FFF2-40B4-BE49-F238E27FC236}">
                  <a16:creationId xmlns:a16="http://schemas.microsoft.com/office/drawing/2014/main" id="{6016E7CE-6835-4BB0-AABB-1CAEE51E870C}"/>
                </a:ext>
              </a:extLst>
            </p:cNvPr>
            <p:cNvCxnSpPr>
              <a:cxnSpLocks/>
            </p:cNvCxnSpPr>
            <p:nvPr/>
          </p:nvCxnSpPr>
          <p:spPr>
            <a:xfrm>
              <a:off x="1180492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2" name="Group 11" title="Milestone">
            <a:extLst>
              <a:ext uri="{FF2B5EF4-FFF2-40B4-BE49-F238E27FC236}">
                <a16:creationId xmlns:a16="http://schemas.microsoft.com/office/drawing/2014/main" id="{0C0EC973-1339-40A2-8A48-7E952A86C663}"/>
              </a:ext>
            </a:extLst>
          </p:cNvPr>
          <p:cNvGrpSpPr/>
          <p:nvPr/>
        </p:nvGrpSpPr>
        <p:grpSpPr>
          <a:xfrm>
            <a:off x="3021066" y="2335698"/>
            <a:ext cx="1921940" cy="914763"/>
            <a:chOff x="3047824" y="3575569"/>
            <a:chExt cx="1921940" cy="914763"/>
          </a:xfrm>
        </p:grpSpPr>
        <p:grpSp>
          <p:nvGrpSpPr>
            <p:cNvPr id="120" name="Group 119" title="Milestone Text">
              <a:extLst>
                <a:ext uri="{FF2B5EF4-FFF2-40B4-BE49-F238E27FC236}">
                  <a16:creationId xmlns:a16="http://schemas.microsoft.com/office/drawing/2014/main" id="{B15CF98A-C041-4C54-83E0-D6B1A0165558}"/>
                </a:ext>
              </a:extLst>
            </p:cNvPr>
            <p:cNvGrpSpPr/>
            <p:nvPr/>
          </p:nvGrpSpPr>
          <p:grpSpPr>
            <a:xfrm>
              <a:off x="3674982" y="3648568"/>
              <a:ext cx="1294782" cy="727511"/>
              <a:chOff x="2110555" y="2162177"/>
              <a:chExt cx="1294782" cy="727511"/>
            </a:xfrm>
          </p:grpSpPr>
          <p:sp>
            <p:nvSpPr>
              <p:cNvPr id="121" name="TextBox 120">
                <a:extLst>
                  <a:ext uri="{FF2B5EF4-FFF2-40B4-BE49-F238E27FC236}">
                    <a16:creationId xmlns:a16="http://schemas.microsoft.com/office/drawing/2014/main" id="{364C8657-37CD-432B-AD71-7255D32855F5}"/>
                  </a:ext>
                </a:extLst>
              </p:cNvPr>
              <p:cNvSpPr txBox="1"/>
              <p:nvPr/>
            </p:nvSpPr>
            <p:spPr>
              <a:xfrm>
                <a:off x="2110555" y="2162177"/>
                <a:ext cx="1294782" cy="27699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US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Module</a:t>
                </a:r>
              </a:p>
            </p:txBody>
          </p:sp>
          <p:sp>
            <p:nvSpPr>
              <p:cNvPr id="122" name="TextBox 121">
                <a:extLst>
                  <a:ext uri="{FF2B5EF4-FFF2-40B4-BE49-F238E27FC236}">
                    <a16:creationId xmlns:a16="http://schemas.microsoft.com/office/drawing/2014/main" id="{5D435BCF-D2D6-4341-809F-90860DEAC612}"/>
                  </a:ext>
                </a:extLst>
              </p:cNvPr>
              <p:cNvSpPr txBox="1"/>
              <p:nvPr/>
            </p:nvSpPr>
            <p:spPr>
              <a:xfrm>
                <a:off x="2110555" y="2470633"/>
                <a:ext cx="1294782" cy="15388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US" sz="1000" err="1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Cibles</a:t>
                </a:r>
                <a:r>
                  <a:rPr lang="en-US" sz="1000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 </a:t>
                </a:r>
                <a:r>
                  <a:rPr lang="en-US" sz="1000" err="1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d’apprentissage</a:t>
                </a:r>
                <a:endParaRPr lang="en-US" sz="1000">
                  <a:solidFill>
                    <a:schemeClr val="tx1">
                      <a:lumMod val="75000"/>
                      <a:lumOff val="25000"/>
                    </a:schemeClr>
                  </a:solidFill>
                </a:endParaRPr>
              </a:p>
            </p:txBody>
          </p:sp>
          <p:sp>
            <p:nvSpPr>
              <p:cNvPr id="123" name="TextBox 122">
                <a:extLst>
                  <a:ext uri="{FF2B5EF4-FFF2-40B4-BE49-F238E27FC236}">
                    <a16:creationId xmlns:a16="http://schemas.microsoft.com/office/drawing/2014/main" id="{0207607D-0B96-4C68-979E-099560520B82}"/>
                  </a:ext>
                </a:extLst>
              </p:cNvPr>
              <p:cNvSpPr txBox="1"/>
              <p:nvPr/>
            </p:nvSpPr>
            <p:spPr>
              <a:xfrm>
                <a:off x="2110556" y="2653951"/>
                <a:ext cx="1294781" cy="235737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r>
                  <a:rPr lang="en-US" sz="1000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…</a:t>
                </a:r>
              </a:p>
            </p:txBody>
          </p:sp>
        </p:grpSp>
        <p:sp>
          <p:nvSpPr>
            <p:cNvPr id="139" name="Rectangle: Rounded Corners 138" title="Milestone Graphic">
              <a:extLst>
                <a:ext uri="{FF2B5EF4-FFF2-40B4-BE49-F238E27FC236}">
                  <a16:creationId xmlns:a16="http://schemas.microsoft.com/office/drawing/2014/main" id="{96CB11CB-601A-42B3-A020-CB1A4A10F2CD}"/>
                </a:ext>
              </a:extLst>
            </p:cNvPr>
            <p:cNvSpPr/>
            <p:nvPr/>
          </p:nvSpPr>
          <p:spPr>
            <a:xfrm>
              <a:off x="3672866" y="4339211"/>
              <a:ext cx="873222" cy="151121"/>
            </a:xfrm>
            <a:prstGeom prst="roundRect">
              <a:avLst>
                <a:gd name="adj" fmla="val 50000"/>
              </a:avLst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46" name="Graphic 145" title="Milestone Flag">
              <a:extLst>
                <a:ext uri="{FF2B5EF4-FFF2-40B4-BE49-F238E27FC236}">
                  <a16:creationId xmlns:a16="http://schemas.microsoft.com/office/drawing/2014/main" id="{DA0FB088-A89A-4C96-A231-80240F537E8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rcRect l="33525" t="18748" r="17129" b="44918"/>
            <a:stretch/>
          </p:blipFill>
          <p:spPr>
            <a:xfrm flipH="1">
              <a:off x="3047824" y="3575569"/>
              <a:ext cx="573660" cy="422383"/>
            </a:xfrm>
            <a:prstGeom prst="rect">
              <a:avLst/>
            </a:prstGeom>
          </p:spPr>
        </p:pic>
        <p:sp>
          <p:nvSpPr>
            <p:cNvPr id="152" name="Rectangle 151">
              <a:extLst>
                <a:ext uri="{FF2B5EF4-FFF2-40B4-BE49-F238E27FC236}">
                  <a16:creationId xmlns:a16="http://schemas.microsoft.com/office/drawing/2014/main" id="{99FC0FD8-D770-40A8-8D3E-98968E17FD65}"/>
                </a:ext>
              </a:extLst>
            </p:cNvPr>
            <p:cNvSpPr/>
            <p:nvPr/>
          </p:nvSpPr>
          <p:spPr>
            <a:xfrm>
              <a:off x="3286043" y="3667905"/>
              <a:ext cx="344966" cy="2769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r>
                <a:rPr lang="en-US" sz="120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02</a:t>
              </a:r>
            </a:p>
          </p:txBody>
        </p:sp>
      </p:grpSp>
      <p:cxnSp>
        <p:nvCxnSpPr>
          <p:cNvPr id="154" name="Straight Connector 153" title="callout lines">
            <a:extLst>
              <a:ext uri="{FF2B5EF4-FFF2-40B4-BE49-F238E27FC236}">
                <a16:creationId xmlns:a16="http://schemas.microsoft.com/office/drawing/2014/main" id="{BDE716C9-4F7D-4C14-9DD7-E104B8688070}"/>
              </a:ext>
            </a:extLst>
          </p:cNvPr>
          <p:cNvCxnSpPr>
            <a:cxnSpLocks/>
          </p:cNvCxnSpPr>
          <p:nvPr/>
        </p:nvCxnSpPr>
        <p:spPr>
          <a:xfrm>
            <a:off x="3769620" y="2831616"/>
            <a:ext cx="0" cy="1383384"/>
          </a:xfrm>
          <a:prstGeom prst="line">
            <a:avLst/>
          </a:prstGeom>
          <a:ln cmpd="sng">
            <a:solidFill>
              <a:schemeClr val="bg1">
                <a:lumMod val="85000"/>
              </a:schemeClr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2" name="Group 21" descr="Year 2">
            <a:extLst>
              <a:ext uri="{FF2B5EF4-FFF2-40B4-BE49-F238E27FC236}">
                <a16:creationId xmlns:a16="http://schemas.microsoft.com/office/drawing/2014/main" id="{B77D3ADC-4691-423D-B968-599D539C51C4}"/>
              </a:ext>
            </a:extLst>
          </p:cNvPr>
          <p:cNvGrpSpPr/>
          <p:nvPr/>
        </p:nvGrpSpPr>
        <p:grpSpPr>
          <a:xfrm>
            <a:off x="3596270" y="4014373"/>
            <a:ext cx="2573329" cy="764041"/>
            <a:chOff x="3571993" y="5778006"/>
            <a:chExt cx="2573329" cy="764041"/>
          </a:xfrm>
        </p:grpSpPr>
        <p:sp>
          <p:nvSpPr>
            <p:cNvPr id="162" name="Oval 161">
              <a:extLst>
                <a:ext uri="{FF2B5EF4-FFF2-40B4-BE49-F238E27FC236}">
                  <a16:creationId xmlns:a16="http://schemas.microsoft.com/office/drawing/2014/main" id="{DDADAC53-FEC9-400E-B7FC-72F25EF0FE21}"/>
                </a:ext>
              </a:extLst>
            </p:cNvPr>
            <p:cNvSpPr/>
            <p:nvPr/>
          </p:nvSpPr>
          <p:spPr>
            <a:xfrm>
              <a:off x="5585704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1" name="Oval 160">
              <a:extLst>
                <a:ext uri="{FF2B5EF4-FFF2-40B4-BE49-F238E27FC236}">
                  <a16:creationId xmlns:a16="http://schemas.microsoft.com/office/drawing/2014/main" id="{EC0BAC80-DECA-4286-9763-E1B32B824792}"/>
                </a:ext>
              </a:extLst>
            </p:cNvPr>
            <p:cNvSpPr/>
            <p:nvPr/>
          </p:nvSpPr>
          <p:spPr>
            <a:xfrm>
              <a:off x="4936679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0" name="Oval 159">
              <a:extLst>
                <a:ext uri="{FF2B5EF4-FFF2-40B4-BE49-F238E27FC236}">
                  <a16:creationId xmlns:a16="http://schemas.microsoft.com/office/drawing/2014/main" id="{83C4B4F8-27D7-41DD-896D-A1B91FF462FD}"/>
                </a:ext>
              </a:extLst>
            </p:cNvPr>
            <p:cNvSpPr/>
            <p:nvPr/>
          </p:nvSpPr>
          <p:spPr>
            <a:xfrm>
              <a:off x="4300157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9" name="Oval 158">
              <a:extLst>
                <a:ext uri="{FF2B5EF4-FFF2-40B4-BE49-F238E27FC236}">
                  <a16:creationId xmlns:a16="http://schemas.microsoft.com/office/drawing/2014/main" id="{AE29C92D-0A5A-405A-B0B6-9115A90C3CB7}"/>
                </a:ext>
              </a:extLst>
            </p:cNvPr>
            <p:cNvSpPr/>
            <p:nvPr/>
          </p:nvSpPr>
          <p:spPr>
            <a:xfrm>
              <a:off x="3642967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39" name="Straight Connector 38" title="q lines">
              <a:extLst>
                <a:ext uri="{FF2B5EF4-FFF2-40B4-BE49-F238E27FC236}">
                  <a16:creationId xmlns:a16="http://schemas.microsoft.com/office/drawing/2014/main" id="{8CEE23F6-603B-4DB5-A968-8F086AA2AF53}"/>
                </a:ext>
              </a:extLst>
            </p:cNvPr>
            <p:cNvCxnSpPr>
              <a:cxnSpLocks/>
            </p:cNvCxnSpPr>
            <p:nvPr/>
          </p:nvCxnSpPr>
          <p:spPr>
            <a:xfrm>
              <a:off x="4416902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Straight Connector 44" title="q lines">
              <a:extLst>
                <a:ext uri="{FF2B5EF4-FFF2-40B4-BE49-F238E27FC236}">
                  <a16:creationId xmlns:a16="http://schemas.microsoft.com/office/drawing/2014/main" id="{B0EC7A32-A13D-40FD-8FCB-9A2616556D19}"/>
                </a:ext>
              </a:extLst>
            </p:cNvPr>
            <p:cNvCxnSpPr>
              <a:cxnSpLocks/>
            </p:cNvCxnSpPr>
            <p:nvPr/>
          </p:nvCxnSpPr>
          <p:spPr>
            <a:xfrm>
              <a:off x="5064184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" name="Straight Connector 46" title="q lines">
              <a:extLst>
                <a:ext uri="{FF2B5EF4-FFF2-40B4-BE49-F238E27FC236}">
                  <a16:creationId xmlns:a16="http://schemas.microsoft.com/office/drawing/2014/main" id="{662638A0-3098-431F-BE5E-612EF4623E02}"/>
                </a:ext>
              </a:extLst>
            </p:cNvPr>
            <p:cNvCxnSpPr>
              <a:cxnSpLocks/>
            </p:cNvCxnSpPr>
            <p:nvPr/>
          </p:nvCxnSpPr>
          <p:spPr>
            <a:xfrm>
              <a:off x="5711466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9" name="Rectangle: Rounded Corners 188" title="Year Bar">
              <a:extLst>
                <a:ext uri="{FF2B5EF4-FFF2-40B4-BE49-F238E27FC236}">
                  <a16:creationId xmlns:a16="http://schemas.microsoft.com/office/drawing/2014/main" id="{4216F653-445A-48AE-9E7F-2BCB19F1649E}"/>
                </a:ext>
              </a:extLst>
            </p:cNvPr>
            <p:cNvSpPr/>
            <p:nvPr/>
          </p:nvSpPr>
          <p:spPr>
            <a:xfrm>
              <a:off x="3571993" y="6377188"/>
              <a:ext cx="2573329" cy="164859"/>
            </a:xfrm>
            <a:prstGeom prst="roundRect">
              <a:avLst>
                <a:gd name="adj" fmla="val 50000"/>
              </a:avLst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1" name="TextBox 100">
              <a:extLst>
                <a:ext uri="{FF2B5EF4-FFF2-40B4-BE49-F238E27FC236}">
                  <a16:creationId xmlns:a16="http://schemas.microsoft.com/office/drawing/2014/main" id="{316E8E00-CDAC-4884-B354-EEC46B99951A}"/>
                </a:ext>
              </a:extLst>
            </p:cNvPr>
            <p:cNvSpPr txBox="1"/>
            <p:nvPr/>
          </p:nvSpPr>
          <p:spPr>
            <a:xfrm>
              <a:off x="366418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5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02" name="TextBox 101">
              <a:extLst>
                <a:ext uri="{FF2B5EF4-FFF2-40B4-BE49-F238E27FC236}">
                  <a16:creationId xmlns:a16="http://schemas.microsoft.com/office/drawing/2014/main" id="{99123C15-08DD-4459-98C8-FB1D88A48434}"/>
                </a:ext>
              </a:extLst>
            </p:cNvPr>
            <p:cNvSpPr txBox="1"/>
            <p:nvPr/>
          </p:nvSpPr>
          <p:spPr>
            <a:xfrm>
              <a:off x="431163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6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03" name="TextBox 102">
              <a:extLst>
                <a:ext uri="{FF2B5EF4-FFF2-40B4-BE49-F238E27FC236}">
                  <a16:creationId xmlns:a16="http://schemas.microsoft.com/office/drawing/2014/main" id="{702C22D6-E9B8-49C2-813B-3220EF5976F5}"/>
                </a:ext>
              </a:extLst>
            </p:cNvPr>
            <p:cNvSpPr txBox="1"/>
            <p:nvPr/>
          </p:nvSpPr>
          <p:spPr>
            <a:xfrm>
              <a:off x="495908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7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04" name="TextBox 103">
              <a:extLst>
                <a:ext uri="{FF2B5EF4-FFF2-40B4-BE49-F238E27FC236}">
                  <a16:creationId xmlns:a16="http://schemas.microsoft.com/office/drawing/2014/main" id="{71DFD606-8479-465C-B5A5-ACC2FD6A05AD}"/>
                </a:ext>
              </a:extLst>
            </p:cNvPr>
            <p:cNvSpPr txBox="1"/>
            <p:nvPr/>
          </p:nvSpPr>
          <p:spPr>
            <a:xfrm>
              <a:off x="560653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8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cxnSp>
          <p:nvCxnSpPr>
            <p:cNvPr id="115" name="Straight Connector 114" title="q lines">
              <a:extLst>
                <a:ext uri="{FF2B5EF4-FFF2-40B4-BE49-F238E27FC236}">
                  <a16:creationId xmlns:a16="http://schemas.microsoft.com/office/drawing/2014/main" id="{5C8E95F6-C78E-4027-9F74-5B2D4ABF6B49}"/>
                </a:ext>
              </a:extLst>
            </p:cNvPr>
            <p:cNvCxnSpPr>
              <a:cxnSpLocks/>
            </p:cNvCxnSpPr>
            <p:nvPr/>
          </p:nvCxnSpPr>
          <p:spPr>
            <a:xfrm>
              <a:off x="3769620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3" name="Group 12" title="Milestone">
            <a:extLst>
              <a:ext uri="{FF2B5EF4-FFF2-40B4-BE49-F238E27FC236}">
                <a16:creationId xmlns:a16="http://schemas.microsoft.com/office/drawing/2014/main" id="{4ACC178D-DE1C-476D-BD2B-DDD03D3DC824}"/>
              </a:ext>
            </a:extLst>
          </p:cNvPr>
          <p:cNvGrpSpPr/>
          <p:nvPr/>
        </p:nvGrpSpPr>
        <p:grpSpPr>
          <a:xfrm>
            <a:off x="5528017" y="2326382"/>
            <a:ext cx="1921866" cy="894504"/>
            <a:chOff x="5653543" y="3048963"/>
            <a:chExt cx="1921866" cy="894504"/>
          </a:xfrm>
        </p:grpSpPr>
        <p:grpSp>
          <p:nvGrpSpPr>
            <p:cNvPr id="135" name="Group 134" title="Milestone Text">
              <a:extLst>
                <a:ext uri="{FF2B5EF4-FFF2-40B4-BE49-F238E27FC236}">
                  <a16:creationId xmlns:a16="http://schemas.microsoft.com/office/drawing/2014/main" id="{9C021FC8-E21C-449A-BF58-8B0A19ABB84F}"/>
                </a:ext>
              </a:extLst>
            </p:cNvPr>
            <p:cNvGrpSpPr/>
            <p:nvPr/>
          </p:nvGrpSpPr>
          <p:grpSpPr>
            <a:xfrm>
              <a:off x="6280627" y="3108996"/>
              <a:ext cx="1294782" cy="727511"/>
              <a:chOff x="2110555" y="2162177"/>
              <a:chExt cx="1294782" cy="727511"/>
            </a:xfrm>
          </p:grpSpPr>
          <p:sp>
            <p:nvSpPr>
              <p:cNvPr id="136" name="TextBox 135">
                <a:extLst>
                  <a:ext uri="{FF2B5EF4-FFF2-40B4-BE49-F238E27FC236}">
                    <a16:creationId xmlns:a16="http://schemas.microsoft.com/office/drawing/2014/main" id="{80DC6BE6-5DF7-410B-BE5E-F673AF7AE5AE}"/>
                  </a:ext>
                </a:extLst>
              </p:cNvPr>
              <p:cNvSpPr txBox="1"/>
              <p:nvPr/>
            </p:nvSpPr>
            <p:spPr>
              <a:xfrm>
                <a:off x="2110555" y="2162177"/>
                <a:ext cx="1294782" cy="27699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US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Module</a:t>
                </a:r>
              </a:p>
            </p:txBody>
          </p:sp>
          <p:sp>
            <p:nvSpPr>
              <p:cNvPr id="137" name="TextBox 136">
                <a:extLst>
                  <a:ext uri="{FF2B5EF4-FFF2-40B4-BE49-F238E27FC236}">
                    <a16:creationId xmlns:a16="http://schemas.microsoft.com/office/drawing/2014/main" id="{0DEFCEAC-68C1-40F1-9B35-3772D46BCCEF}"/>
                  </a:ext>
                </a:extLst>
              </p:cNvPr>
              <p:cNvSpPr txBox="1"/>
              <p:nvPr/>
            </p:nvSpPr>
            <p:spPr>
              <a:xfrm>
                <a:off x="2110555" y="2470633"/>
                <a:ext cx="1294782" cy="153888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US" sz="1000" err="1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Cibles</a:t>
                </a:r>
                <a:r>
                  <a:rPr lang="en-US" sz="1000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 </a:t>
                </a:r>
                <a:r>
                  <a:rPr lang="en-US" sz="1000" err="1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d’apprentissage</a:t>
                </a:r>
                <a:endParaRPr lang="en-US" sz="1000">
                  <a:solidFill>
                    <a:schemeClr val="tx1">
                      <a:lumMod val="75000"/>
                      <a:lumOff val="25000"/>
                    </a:schemeClr>
                  </a:solidFill>
                </a:endParaRPr>
              </a:p>
            </p:txBody>
          </p:sp>
          <p:sp>
            <p:nvSpPr>
              <p:cNvPr id="138" name="TextBox 137">
                <a:extLst>
                  <a:ext uri="{FF2B5EF4-FFF2-40B4-BE49-F238E27FC236}">
                    <a16:creationId xmlns:a16="http://schemas.microsoft.com/office/drawing/2014/main" id="{0F387823-885E-4A41-A4D0-57E943BD93E7}"/>
                  </a:ext>
                </a:extLst>
              </p:cNvPr>
              <p:cNvSpPr txBox="1"/>
              <p:nvPr/>
            </p:nvSpPr>
            <p:spPr>
              <a:xfrm>
                <a:off x="2110556" y="2653951"/>
                <a:ext cx="1294781" cy="235737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noAutofit/>
              </a:bodyPr>
              <a:lstStyle/>
              <a:p>
                <a:r>
                  <a:rPr lang="en-US" sz="1000">
                    <a:solidFill>
                      <a:schemeClr val="tx1">
                        <a:lumMod val="75000"/>
                        <a:lumOff val="25000"/>
                      </a:schemeClr>
                    </a:solidFill>
                  </a:rPr>
                  <a:t>…</a:t>
                </a:r>
              </a:p>
            </p:txBody>
          </p:sp>
        </p:grpSp>
        <p:sp>
          <p:nvSpPr>
            <p:cNvPr id="199" name="Rectangle: Rounded Corners 198" title="Milestone Graphic">
              <a:extLst>
                <a:ext uri="{FF2B5EF4-FFF2-40B4-BE49-F238E27FC236}">
                  <a16:creationId xmlns:a16="http://schemas.microsoft.com/office/drawing/2014/main" id="{EED5FFAD-AAB2-4E26-9CF2-CC5E610EB133}"/>
                </a:ext>
              </a:extLst>
            </p:cNvPr>
            <p:cNvSpPr/>
            <p:nvPr/>
          </p:nvSpPr>
          <p:spPr>
            <a:xfrm>
              <a:off x="6257081" y="3792346"/>
              <a:ext cx="873222" cy="151121"/>
            </a:xfrm>
            <a:prstGeom prst="roundRect">
              <a:avLst>
                <a:gd name="adj" fmla="val 50000"/>
              </a:avLst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202" name="Graphic 201" title="Milestone Flag">
              <a:extLst>
                <a:ext uri="{FF2B5EF4-FFF2-40B4-BE49-F238E27FC236}">
                  <a16:creationId xmlns:a16="http://schemas.microsoft.com/office/drawing/2014/main" id="{347C8125-CF6B-45E2-9570-6B05979E8DE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rcRect l="33525" t="18748" r="17129" b="44918"/>
            <a:stretch/>
          </p:blipFill>
          <p:spPr>
            <a:xfrm flipH="1">
              <a:off x="5653543" y="3048963"/>
              <a:ext cx="573660" cy="422383"/>
            </a:xfrm>
            <a:prstGeom prst="rect">
              <a:avLst/>
            </a:prstGeom>
          </p:spPr>
        </p:pic>
        <p:sp>
          <p:nvSpPr>
            <p:cNvPr id="203" name="Rectangle 202">
              <a:extLst>
                <a:ext uri="{FF2B5EF4-FFF2-40B4-BE49-F238E27FC236}">
                  <a16:creationId xmlns:a16="http://schemas.microsoft.com/office/drawing/2014/main" id="{0E2D369F-E989-4CE7-BFD8-515126BA2C6B}"/>
                </a:ext>
              </a:extLst>
            </p:cNvPr>
            <p:cNvSpPr/>
            <p:nvPr/>
          </p:nvSpPr>
          <p:spPr>
            <a:xfrm>
              <a:off x="5891762" y="3141299"/>
              <a:ext cx="344966" cy="276999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r>
                <a:rPr lang="en-US" sz="120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03</a:t>
              </a:r>
            </a:p>
          </p:txBody>
        </p:sp>
      </p:grpSp>
      <p:cxnSp>
        <p:nvCxnSpPr>
          <p:cNvPr id="155" name="Straight Connector 154" title="callout lines">
            <a:extLst>
              <a:ext uri="{FF2B5EF4-FFF2-40B4-BE49-F238E27FC236}">
                <a16:creationId xmlns:a16="http://schemas.microsoft.com/office/drawing/2014/main" id="{975C6F4D-FEC6-41F0-80BD-1FBB84859CE0}"/>
              </a:ext>
            </a:extLst>
          </p:cNvPr>
          <p:cNvCxnSpPr>
            <a:cxnSpLocks/>
          </p:cNvCxnSpPr>
          <p:nvPr/>
        </p:nvCxnSpPr>
        <p:spPr>
          <a:xfrm>
            <a:off x="6358748" y="2294980"/>
            <a:ext cx="0" cy="1920020"/>
          </a:xfrm>
          <a:prstGeom prst="line">
            <a:avLst/>
          </a:prstGeom>
          <a:ln cmpd="sng">
            <a:solidFill>
              <a:schemeClr val="bg1">
                <a:lumMod val="85000"/>
              </a:schemeClr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Straight Connector 51" title="callout lines">
            <a:extLst>
              <a:ext uri="{FF2B5EF4-FFF2-40B4-BE49-F238E27FC236}">
                <a16:creationId xmlns:a16="http://schemas.microsoft.com/office/drawing/2014/main" id="{F54047B2-9C08-4A8C-A924-AA676C29FB41}"/>
              </a:ext>
            </a:extLst>
          </p:cNvPr>
          <p:cNvCxnSpPr>
            <a:cxnSpLocks/>
          </p:cNvCxnSpPr>
          <p:nvPr/>
        </p:nvCxnSpPr>
        <p:spPr>
          <a:xfrm>
            <a:off x="7653312" y="1738338"/>
            <a:ext cx="0" cy="2476662"/>
          </a:xfrm>
          <a:prstGeom prst="line">
            <a:avLst/>
          </a:prstGeom>
          <a:ln cmpd="sng">
            <a:solidFill>
              <a:schemeClr val="bg1">
                <a:lumMod val="85000"/>
              </a:schemeClr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3" name="Group 22" descr="Year 3&#10;">
            <a:extLst>
              <a:ext uri="{FF2B5EF4-FFF2-40B4-BE49-F238E27FC236}">
                <a16:creationId xmlns:a16="http://schemas.microsoft.com/office/drawing/2014/main" id="{CEE15DC0-A896-4EAF-85E8-9DC9DB979B84}"/>
              </a:ext>
            </a:extLst>
          </p:cNvPr>
          <p:cNvGrpSpPr/>
          <p:nvPr/>
        </p:nvGrpSpPr>
        <p:grpSpPr>
          <a:xfrm>
            <a:off x="6090021" y="3131201"/>
            <a:ext cx="2573329" cy="776437"/>
            <a:chOff x="6225577" y="5778006"/>
            <a:chExt cx="2573329" cy="776437"/>
          </a:xfrm>
        </p:grpSpPr>
        <p:sp>
          <p:nvSpPr>
            <p:cNvPr id="166" name="Oval 165">
              <a:extLst>
                <a:ext uri="{FF2B5EF4-FFF2-40B4-BE49-F238E27FC236}">
                  <a16:creationId xmlns:a16="http://schemas.microsoft.com/office/drawing/2014/main" id="{CD235FFC-6A0E-47AF-AC8F-20677EB444FC}"/>
                </a:ext>
              </a:extLst>
            </p:cNvPr>
            <p:cNvSpPr/>
            <p:nvPr/>
          </p:nvSpPr>
          <p:spPr>
            <a:xfrm>
              <a:off x="8186738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5" name="Oval 164">
              <a:extLst>
                <a:ext uri="{FF2B5EF4-FFF2-40B4-BE49-F238E27FC236}">
                  <a16:creationId xmlns:a16="http://schemas.microsoft.com/office/drawing/2014/main" id="{D7F66751-5B2A-464C-A0AD-37B9D94CCC55}"/>
                </a:ext>
              </a:extLst>
            </p:cNvPr>
            <p:cNvSpPr/>
            <p:nvPr/>
          </p:nvSpPr>
          <p:spPr>
            <a:xfrm>
              <a:off x="7533921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4" name="Oval 163">
              <a:extLst>
                <a:ext uri="{FF2B5EF4-FFF2-40B4-BE49-F238E27FC236}">
                  <a16:creationId xmlns:a16="http://schemas.microsoft.com/office/drawing/2014/main" id="{2BB6040F-EB4E-4310-BF98-25F47485E087}"/>
                </a:ext>
              </a:extLst>
            </p:cNvPr>
            <p:cNvSpPr/>
            <p:nvPr/>
          </p:nvSpPr>
          <p:spPr>
            <a:xfrm>
              <a:off x="6882642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3" name="Oval 162">
              <a:extLst>
                <a:ext uri="{FF2B5EF4-FFF2-40B4-BE49-F238E27FC236}">
                  <a16:creationId xmlns:a16="http://schemas.microsoft.com/office/drawing/2014/main" id="{CBAEC703-69EC-45A2-BB54-7EAC7D4E5E9C}"/>
                </a:ext>
              </a:extLst>
            </p:cNvPr>
            <p:cNvSpPr/>
            <p:nvPr/>
          </p:nvSpPr>
          <p:spPr>
            <a:xfrm>
              <a:off x="6231556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53" name="Straight Connector 52" title="q lines">
              <a:extLst>
                <a:ext uri="{FF2B5EF4-FFF2-40B4-BE49-F238E27FC236}">
                  <a16:creationId xmlns:a16="http://schemas.microsoft.com/office/drawing/2014/main" id="{1B503BE8-868F-4660-8AFA-BE353AB48B68}"/>
                </a:ext>
              </a:extLst>
            </p:cNvPr>
            <p:cNvCxnSpPr>
              <a:cxnSpLocks/>
            </p:cNvCxnSpPr>
            <p:nvPr/>
          </p:nvCxnSpPr>
          <p:spPr>
            <a:xfrm>
              <a:off x="8300594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6" name="Straight Connector 155" title="q lines">
              <a:extLst>
                <a:ext uri="{FF2B5EF4-FFF2-40B4-BE49-F238E27FC236}">
                  <a16:creationId xmlns:a16="http://schemas.microsoft.com/office/drawing/2014/main" id="{AB0F6D18-7A1E-4D91-B120-E2079E0DA1A7}"/>
                </a:ext>
              </a:extLst>
            </p:cNvPr>
            <p:cNvCxnSpPr>
              <a:cxnSpLocks/>
            </p:cNvCxnSpPr>
            <p:nvPr/>
          </p:nvCxnSpPr>
          <p:spPr>
            <a:xfrm>
              <a:off x="7006030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0" name="Rectangle: Rounded Corners 189" title="Year Bar">
              <a:extLst>
                <a:ext uri="{FF2B5EF4-FFF2-40B4-BE49-F238E27FC236}">
                  <a16:creationId xmlns:a16="http://schemas.microsoft.com/office/drawing/2014/main" id="{A39C3188-7311-466A-8363-02881CE1722D}"/>
                </a:ext>
              </a:extLst>
            </p:cNvPr>
            <p:cNvSpPr/>
            <p:nvPr/>
          </p:nvSpPr>
          <p:spPr>
            <a:xfrm>
              <a:off x="6225577" y="6389584"/>
              <a:ext cx="2573329" cy="164859"/>
            </a:xfrm>
            <a:prstGeom prst="roundRect">
              <a:avLst>
                <a:gd name="adj" fmla="val 50000"/>
              </a:avLst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5" name="TextBox 104">
              <a:extLst>
                <a:ext uri="{FF2B5EF4-FFF2-40B4-BE49-F238E27FC236}">
                  <a16:creationId xmlns:a16="http://schemas.microsoft.com/office/drawing/2014/main" id="{16EAD50A-0933-4C9C-95E6-08A076B32041}"/>
                </a:ext>
              </a:extLst>
            </p:cNvPr>
            <p:cNvSpPr txBox="1"/>
            <p:nvPr/>
          </p:nvSpPr>
          <p:spPr>
            <a:xfrm>
              <a:off x="625398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9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06" name="TextBox 105">
              <a:extLst>
                <a:ext uri="{FF2B5EF4-FFF2-40B4-BE49-F238E27FC236}">
                  <a16:creationId xmlns:a16="http://schemas.microsoft.com/office/drawing/2014/main" id="{1A5CBF37-8585-4DC5-9107-7C048ACE4F6B}"/>
                </a:ext>
              </a:extLst>
            </p:cNvPr>
            <p:cNvSpPr txBox="1"/>
            <p:nvPr/>
          </p:nvSpPr>
          <p:spPr>
            <a:xfrm>
              <a:off x="690143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10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07" name="TextBox 106">
              <a:extLst>
                <a:ext uri="{FF2B5EF4-FFF2-40B4-BE49-F238E27FC236}">
                  <a16:creationId xmlns:a16="http://schemas.microsoft.com/office/drawing/2014/main" id="{1B2A0732-77CE-4CCD-9584-C8A3BD068222}"/>
                </a:ext>
              </a:extLst>
            </p:cNvPr>
            <p:cNvSpPr txBox="1"/>
            <p:nvPr/>
          </p:nvSpPr>
          <p:spPr>
            <a:xfrm>
              <a:off x="754888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11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08" name="TextBox 107">
              <a:extLst>
                <a:ext uri="{FF2B5EF4-FFF2-40B4-BE49-F238E27FC236}">
                  <a16:creationId xmlns:a16="http://schemas.microsoft.com/office/drawing/2014/main" id="{D56C61BF-4889-44FB-9251-6B314A0F79CE}"/>
                </a:ext>
              </a:extLst>
            </p:cNvPr>
            <p:cNvSpPr txBox="1"/>
            <p:nvPr/>
          </p:nvSpPr>
          <p:spPr>
            <a:xfrm>
              <a:off x="819633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12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cxnSp>
          <p:nvCxnSpPr>
            <p:cNvPr id="116" name="Straight Connector 115" title="q lines">
              <a:extLst>
                <a:ext uri="{FF2B5EF4-FFF2-40B4-BE49-F238E27FC236}">
                  <a16:creationId xmlns:a16="http://schemas.microsoft.com/office/drawing/2014/main" id="{4DA2396D-B4BC-4F88-8123-D131FA8D902B}"/>
                </a:ext>
              </a:extLst>
            </p:cNvPr>
            <p:cNvCxnSpPr>
              <a:cxnSpLocks/>
            </p:cNvCxnSpPr>
            <p:nvPr/>
          </p:nvCxnSpPr>
          <p:spPr>
            <a:xfrm>
              <a:off x="6358748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7" name="Straight Connector 116" title="q lines">
              <a:extLst>
                <a:ext uri="{FF2B5EF4-FFF2-40B4-BE49-F238E27FC236}">
                  <a16:creationId xmlns:a16="http://schemas.microsoft.com/office/drawing/2014/main" id="{9BE12822-D1FA-4F04-BA60-04815B2B1B4D}"/>
                </a:ext>
              </a:extLst>
            </p:cNvPr>
            <p:cNvCxnSpPr>
              <a:cxnSpLocks/>
            </p:cNvCxnSpPr>
            <p:nvPr/>
          </p:nvCxnSpPr>
          <p:spPr>
            <a:xfrm>
              <a:off x="7653312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9" name="Group 18" title="Milestone">
            <a:extLst>
              <a:ext uri="{FF2B5EF4-FFF2-40B4-BE49-F238E27FC236}">
                <a16:creationId xmlns:a16="http://schemas.microsoft.com/office/drawing/2014/main" id="{2A88F9CD-42D2-4C63-8F04-F26A9F3B40C6}"/>
              </a:ext>
            </a:extLst>
          </p:cNvPr>
          <p:cNvGrpSpPr/>
          <p:nvPr/>
        </p:nvGrpSpPr>
        <p:grpSpPr>
          <a:xfrm>
            <a:off x="8417092" y="2351073"/>
            <a:ext cx="1928238" cy="889877"/>
            <a:chOff x="9514671" y="2137867"/>
            <a:chExt cx="1928238" cy="889877"/>
          </a:xfrm>
        </p:grpSpPr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C00C099A-E5BD-41FF-8EC5-D4F9E8C3CD9B}"/>
                </a:ext>
              </a:extLst>
            </p:cNvPr>
            <p:cNvSpPr txBox="1"/>
            <p:nvPr/>
          </p:nvSpPr>
          <p:spPr>
            <a:xfrm>
              <a:off x="10148127" y="2200631"/>
              <a:ext cx="1294782" cy="2769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US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Module</a:t>
              </a:r>
            </a:p>
          </p:txBody>
        </p: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87AFE461-6F01-41C3-9DDA-FCDA0E9D52CF}"/>
                </a:ext>
              </a:extLst>
            </p:cNvPr>
            <p:cNvSpPr txBox="1"/>
            <p:nvPr/>
          </p:nvSpPr>
          <p:spPr>
            <a:xfrm>
              <a:off x="10148127" y="2509087"/>
              <a:ext cx="1294782" cy="153888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US" sz="1000" err="1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Cibles</a:t>
              </a:r>
              <a:r>
                <a:rPr lang="en-US" sz="100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 </a:t>
              </a:r>
              <a:r>
                <a:rPr lang="en-US" sz="1000" err="1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d’apprentissage</a:t>
              </a:r>
              <a:endParaRPr lang="en-US" sz="1000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144" name="TextBox 143">
              <a:extLst>
                <a:ext uri="{FF2B5EF4-FFF2-40B4-BE49-F238E27FC236}">
                  <a16:creationId xmlns:a16="http://schemas.microsoft.com/office/drawing/2014/main" id="{DE439C6D-90D3-4F12-9A66-9844B582F433}"/>
                </a:ext>
              </a:extLst>
            </p:cNvPr>
            <p:cNvSpPr txBox="1"/>
            <p:nvPr/>
          </p:nvSpPr>
          <p:spPr>
            <a:xfrm>
              <a:off x="10148128" y="2692405"/>
              <a:ext cx="1294781" cy="23573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r>
                <a:rPr lang="en-US" sz="100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…</a:t>
              </a:r>
            </a:p>
          </p:txBody>
        </p:sp>
        <p:sp>
          <p:nvSpPr>
            <p:cNvPr id="200" name="Rectangle: Rounded Corners 199" title="Milestone Graphic">
              <a:extLst>
                <a:ext uri="{FF2B5EF4-FFF2-40B4-BE49-F238E27FC236}">
                  <a16:creationId xmlns:a16="http://schemas.microsoft.com/office/drawing/2014/main" id="{93D28DE4-454C-45F1-92B1-FC5788FD05B4}"/>
                </a:ext>
              </a:extLst>
            </p:cNvPr>
            <p:cNvSpPr/>
            <p:nvPr/>
          </p:nvSpPr>
          <p:spPr>
            <a:xfrm>
              <a:off x="10131483" y="2876623"/>
              <a:ext cx="873222" cy="151121"/>
            </a:xfrm>
            <a:prstGeom prst="roundRect">
              <a:avLst>
                <a:gd name="adj" fmla="val 50000"/>
              </a:avLst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206" name="Graphic 205" title="Milestone Flag">
              <a:extLst>
                <a:ext uri="{FF2B5EF4-FFF2-40B4-BE49-F238E27FC236}">
                  <a16:creationId xmlns:a16="http://schemas.microsoft.com/office/drawing/2014/main" id="{2D5B685C-02CD-4429-A7A2-BA82D2779D7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rcRect l="33525" t="18748" r="17129" b="44918"/>
            <a:stretch/>
          </p:blipFill>
          <p:spPr>
            <a:xfrm flipH="1">
              <a:off x="9514671" y="2137867"/>
              <a:ext cx="573660" cy="422383"/>
            </a:xfrm>
            <a:prstGeom prst="rect">
              <a:avLst/>
            </a:prstGeom>
          </p:spPr>
        </p:pic>
        <p:sp>
          <p:nvSpPr>
            <p:cNvPr id="207" name="Rectangle 206">
              <a:extLst>
                <a:ext uri="{FF2B5EF4-FFF2-40B4-BE49-F238E27FC236}">
                  <a16:creationId xmlns:a16="http://schemas.microsoft.com/office/drawing/2014/main" id="{9143747B-EDDD-4139-9EED-9297238BAD36}"/>
                </a:ext>
              </a:extLst>
            </p:cNvPr>
            <p:cNvSpPr/>
            <p:nvPr/>
          </p:nvSpPr>
          <p:spPr>
            <a:xfrm>
              <a:off x="9752890" y="2230203"/>
              <a:ext cx="344966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en-US" sz="1200">
                  <a:solidFill>
                    <a:schemeClr val="tx1">
                      <a:lumMod val="75000"/>
                      <a:lumOff val="25000"/>
                    </a:schemeClr>
                  </a:solidFill>
                </a:rPr>
                <a:t>04</a:t>
              </a:r>
            </a:p>
          </p:txBody>
        </p:sp>
      </p:grpSp>
      <p:cxnSp>
        <p:nvCxnSpPr>
          <p:cNvPr id="56" name="Straight Connector 55" title="callout lines">
            <a:extLst>
              <a:ext uri="{FF2B5EF4-FFF2-40B4-BE49-F238E27FC236}">
                <a16:creationId xmlns:a16="http://schemas.microsoft.com/office/drawing/2014/main" id="{D8CC268F-92F4-41DE-866F-F6BF296668DE}"/>
              </a:ext>
            </a:extLst>
          </p:cNvPr>
          <p:cNvCxnSpPr>
            <a:cxnSpLocks/>
          </p:cNvCxnSpPr>
          <p:nvPr/>
        </p:nvCxnSpPr>
        <p:spPr>
          <a:xfrm>
            <a:off x="10242440" y="3108996"/>
            <a:ext cx="0" cy="2839012"/>
          </a:xfrm>
          <a:prstGeom prst="line">
            <a:avLst/>
          </a:prstGeom>
          <a:ln cmpd="sng">
            <a:solidFill>
              <a:schemeClr val="bg1">
                <a:lumMod val="85000"/>
              </a:schemeClr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5" name="Group 24" descr="Year 4">
            <a:extLst>
              <a:ext uri="{FF2B5EF4-FFF2-40B4-BE49-F238E27FC236}">
                <a16:creationId xmlns:a16="http://schemas.microsoft.com/office/drawing/2014/main" id="{3918C8B4-69B8-499D-A277-18AE7198594A}"/>
              </a:ext>
            </a:extLst>
          </p:cNvPr>
          <p:cNvGrpSpPr/>
          <p:nvPr/>
        </p:nvGrpSpPr>
        <p:grpSpPr>
          <a:xfrm>
            <a:off x="8674313" y="4009490"/>
            <a:ext cx="2614667" cy="975220"/>
            <a:chOff x="8620125" y="5778006"/>
            <a:chExt cx="2614667" cy="975220"/>
          </a:xfrm>
        </p:grpSpPr>
        <p:sp>
          <p:nvSpPr>
            <p:cNvPr id="175" name="Oval 174">
              <a:extLst>
                <a:ext uri="{FF2B5EF4-FFF2-40B4-BE49-F238E27FC236}">
                  <a16:creationId xmlns:a16="http://schemas.microsoft.com/office/drawing/2014/main" id="{46B7F3B1-E639-4E45-8C09-EEE9623F5744}"/>
                </a:ext>
              </a:extLst>
            </p:cNvPr>
            <p:cNvSpPr/>
            <p:nvPr/>
          </p:nvSpPr>
          <p:spPr>
            <a:xfrm>
              <a:off x="10773302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4" name="Oval 173">
              <a:extLst>
                <a:ext uri="{FF2B5EF4-FFF2-40B4-BE49-F238E27FC236}">
                  <a16:creationId xmlns:a16="http://schemas.microsoft.com/office/drawing/2014/main" id="{22990B42-96AA-4CDA-BEF5-915FC5414678}"/>
                </a:ext>
              </a:extLst>
            </p:cNvPr>
            <p:cNvSpPr/>
            <p:nvPr/>
          </p:nvSpPr>
          <p:spPr>
            <a:xfrm>
              <a:off x="10122723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70" name="Oval 169">
              <a:extLst>
                <a:ext uri="{FF2B5EF4-FFF2-40B4-BE49-F238E27FC236}">
                  <a16:creationId xmlns:a16="http://schemas.microsoft.com/office/drawing/2014/main" id="{0B111BE8-D235-4A79-B144-43953D0D52B3}"/>
                </a:ext>
              </a:extLst>
            </p:cNvPr>
            <p:cNvSpPr/>
            <p:nvPr/>
          </p:nvSpPr>
          <p:spPr>
            <a:xfrm>
              <a:off x="9475478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7" name="Oval 166">
              <a:extLst>
                <a:ext uri="{FF2B5EF4-FFF2-40B4-BE49-F238E27FC236}">
                  <a16:creationId xmlns:a16="http://schemas.microsoft.com/office/drawing/2014/main" id="{04E8807B-9D7A-452A-B3FB-3E2BE3E94F86}"/>
                </a:ext>
              </a:extLst>
            </p:cNvPr>
            <p:cNvSpPr/>
            <p:nvPr/>
          </p:nvSpPr>
          <p:spPr>
            <a:xfrm>
              <a:off x="8822434" y="6037620"/>
              <a:ext cx="256014" cy="256014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8" name="TextBox 197">
              <a:extLst>
                <a:ext uri="{FF2B5EF4-FFF2-40B4-BE49-F238E27FC236}">
                  <a16:creationId xmlns:a16="http://schemas.microsoft.com/office/drawing/2014/main" id="{384B4D5E-DF22-4556-9F7B-E0627361D734}"/>
                </a:ext>
              </a:extLst>
            </p:cNvPr>
            <p:cNvSpPr txBox="1"/>
            <p:nvPr/>
          </p:nvSpPr>
          <p:spPr>
            <a:xfrm>
              <a:off x="8620125" y="6613826"/>
              <a:ext cx="614579" cy="13940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noAutofit/>
            </a:bodyPr>
            <a:lstStyle/>
            <a:p>
              <a:pPr algn="ctr"/>
              <a:endParaRPr lang="en-US" sz="1000" b="1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  <a:p>
              <a:pPr algn="ctr"/>
              <a:endParaRPr lang="en-US" sz="1000" b="1">
                <a:solidFill>
                  <a:schemeClr val="tx1">
                    <a:lumMod val="75000"/>
                    <a:lumOff val="25000"/>
                  </a:schemeClr>
                </a:solidFill>
              </a:endParaRPr>
            </a:p>
          </p:txBody>
        </p:sp>
        <p:cxnSp>
          <p:nvCxnSpPr>
            <p:cNvPr id="168" name="Straight Connector 167" title="q lines">
              <a:extLst>
                <a:ext uri="{FF2B5EF4-FFF2-40B4-BE49-F238E27FC236}">
                  <a16:creationId xmlns:a16="http://schemas.microsoft.com/office/drawing/2014/main" id="{8E9F4AD8-209B-4EEC-A9BA-70788AD0F9CD}"/>
                </a:ext>
              </a:extLst>
            </p:cNvPr>
            <p:cNvCxnSpPr>
              <a:cxnSpLocks/>
            </p:cNvCxnSpPr>
            <p:nvPr/>
          </p:nvCxnSpPr>
          <p:spPr>
            <a:xfrm>
              <a:off x="10889715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5" name="Straight Connector 184" title="q lines">
              <a:extLst>
                <a:ext uri="{FF2B5EF4-FFF2-40B4-BE49-F238E27FC236}">
                  <a16:creationId xmlns:a16="http://schemas.microsoft.com/office/drawing/2014/main" id="{50ED100A-CA03-4917-8145-C5BDF28B1587}"/>
                </a:ext>
              </a:extLst>
            </p:cNvPr>
            <p:cNvCxnSpPr>
              <a:cxnSpLocks/>
            </p:cNvCxnSpPr>
            <p:nvPr/>
          </p:nvCxnSpPr>
          <p:spPr>
            <a:xfrm>
              <a:off x="9595158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91" name="Rectangle: Rounded Corners 190" title="Year Bar">
              <a:extLst>
                <a:ext uri="{FF2B5EF4-FFF2-40B4-BE49-F238E27FC236}">
                  <a16:creationId xmlns:a16="http://schemas.microsoft.com/office/drawing/2014/main" id="{45AC82F1-31F7-4BDE-BF7C-2E9A090107E7}"/>
                </a:ext>
              </a:extLst>
            </p:cNvPr>
            <p:cNvSpPr/>
            <p:nvPr/>
          </p:nvSpPr>
          <p:spPr>
            <a:xfrm>
              <a:off x="8661463" y="6369390"/>
              <a:ext cx="2573329" cy="164859"/>
            </a:xfrm>
            <a:prstGeom prst="roundRect">
              <a:avLst>
                <a:gd name="adj" fmla="val 50000"/>
              </a:avLst>
            </a:prstGeom>
            <a:solidFill>
              <a:schemeClr val="accent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9" name="TextBox 108">
              <a:extLst>
                <a:ext uri="{FF2B5EF4-FFF2-40B4-BE49-F238E27FC236}">
                  <a16:creationId xmlns:a16="http://schemas.microsoft.com/office/drawing/2014/main" id="{611F0B67-8314-4DF8-99E7-108753641C77}"/>
                </a:ext>
              </a:extLst>
            </p:cNvPr>
            <p:cNvSpPr txBox="1"/>
            <p:nvPr/>
          </p:nvSpPr>
          <p:spPr>
            <a:xfrm>
              <a:off x="884378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13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10" name="TextBox 109">
              <a:extLst>
                <a:ext uri="{FF2B5EF4-FFF2-40B4-BE49-F238E27FC236}">
                  <a16:creationId xmlns:a16="http://schemas.microsoft.com/office/drawing/2014/main" id="{BAA83CD7-1992-4845-9916-79B3A6737423}"/>
                </a:ext>
              </a:extLst>
            </p:cNvPr>
            <p:cNvSpPr txBox="1"/>
            <p:nvPr/>
          </p:nvSpPr>
          <p:spPr>
            <a:xfrm>
              <a:off x="949123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14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11" name="TextBox 110">
              <a:extLst>
                <a:ext uri="{FF2B5EF4-FFF2-40B4-BE49-F238E27FC236}">
                  <a16:creationId xmlns:a16="http://schemas.microsoft.com/office/drawing/2014/main" id="{2F2B6738-A856-4DBF-B465-BC5964B0D7BC}"/>
                </a:ext>
              </a:extLst>
            </p:cNvPr>
            <p:cNvSpPr txBox="1"/>
            <p:nvPr/>
          </p:nvSpPr>
          <p:spPr>
            <a:xfrm>
              <a:off x="1013868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15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sp>
          <p:nvSpPr>
            <p:cNvPr id="112" name="TextBox 111">
              <a:extLst>
                <a:ext uri="{FF2B5EF4-FFF2-40B4-BE49-F238E27FC236}">
                  <a16:creationId xmlns:a16="http://schemas.microsoft.com/office/drawing/2014/main" id="{C941D233-C1E8-47A4-83C7-CEDB158017C3}"/>
                </a:ext>
              </a:extLst>
            </p:cNvPr>
            <p:cNvSpPr txBox="1"/>
            <p:nvPr/>
          </p:nvSpPr>
          <p:spPr>
            <a:xfrm>
              <a:off x="10786131" y="6102356"/>
              <a:ext cx="216000" cy="144000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ctr"/>
              <a:r>
                <a:rPr lang="en-US" sz="1000" b="1">
                  <a:solidFill>
                    <a:schemeClr val="bg1"/>
                  </a:solidFill>
                </a:rPr>
                <a:t>16</a:t>
              </a:r>
              <a:endParaRPr lang="en-US" sz="1000">
                <a:solidFill>
                  <a:schemeClr val="bg1"/>
                </a:solidFill>
              </a:endParaRPr>
            </a:p>
          </p:txBody>
        </p:sp>
        <p:cxnSp>
          <p:nvCxnSpPr>
            <p:cNvPr id="119" name="Straight Connector 118" title="q lines">
              <a:extLst>
                <a:ext uri="{FF2B5EF4-FFF2-40B4-BE49-F238E27FC236}">
                  <a16:creationId xmlns:a16="http://schemas.microsoft.com/office/drawing/2014/main" id="{B2F5D208-76CB-4E99-B318-4CFFE5BABDD1}"/>
                </a:ext>
              </a:extLst>
            </p:cNvPr>
            <p:cNvCxnSpPr>
              <a:cxnSpLocks/>
            </p:cNvCxnSpPr>
            <p:nvPr/>
          </p:nvCxnSpPr>
          <p:spPr>
            <a:xfrm>
              <a:off x="8947876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5" name="Straight Connector 124" title="q lines">
              <a:extLst>
                <a:ext uri="{FF2B5EF4-FFF2-40B4-BE49-F238E27FC236}">
                  <a16:creationId xmlns:a16="http://schemas.microsoft.com/office/drawing/2014/main" id="{B7494A14-757D-4771-B974-AF9C4A42FDE7}"/>
                </a:ext>
              </a:extLst>
            </p:cNvPr>
            <p:cNvCxnSpPr>
              <a:cxnSpLocks/>
            </p:cNvCxnSpPr>
            <p:nvPr/>
          </p:nvCxnSpPr>
          <p:spPr>
            <a:xfrm>
              <a:off x="10242440" y="5778006"/>
              <a:ext cx="0" cy="165471"/>
            </a:xfrm>
            <a:prstGeom prst="line">
              <a:avLst/>
            </a:prstGeom>
            <a:ln cmpd="sng">
              <a:solidFill>
                <a:schemeClr val="bg1">
                  <a:lumMod val="85000"/>
                </a:schemeClr>
              </a:solidFill>
              <a:prstDash val="sysDash"/>
              <a:headEnd type="none" w="sm" len="sm"/>
              <a:tailEnd type="none" w="sm" len="sm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124" name="Straight Connector 123" descr="Time line">
            <a:extLst>
              <a:ext uri="{FF2B5EF4-FFF2-40B4-BE49-F238E27FC236}">
                <a16:creationId xmlns:a16="http://schemas.microsoft.com/office/drawing/2014/main" id="{0ECD7D0F-80D1-4D75-A17F-3E2E46570DE4}"/>
              </a:ext>
            </a:extLst>
          </p:cNvPr>
          <p:cNvCxnSpPr>
            <a:cxnSpLocks/>
          </p:cNvCxnSpPr>
          <p:nvPr/>
        </p:nvCxnSpPr>
        <p:spPr>
          <a:xfrm flipH="1">
            <a:off x="1035862" y="4175444"/>
            <a:ext cx="10432744" cy="0"/>
          </a:xfrm>
          <a:prstGeom prst="line">
            <a:avLst/>
          </a:prstGeom>
          <a:ln w="15875" cmpd="sng">
            <a:solidFill>
              <a:schemeClr val="tx1">
                <a:lumMod val="75000"/>
                <a:lumOff val="25000"/>
              </a:schemeClr>
            </a:solidFill>
            <a:prstDash val="solid"/>
            <a:headEnd type="none" w="sm" len="sm"/>
            <a:tailEnd type="none" w="sm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30" name="Groupe 129">
            <a:extLst>
              <a:ext uri="{FF2B5EF4-FFF2-40B4-BE49-F238E27FC236}">
                <a16:creationId xmlns:a16="http://schemas.microsoft.com/office/drawing/2014/main" id="{D4B99DA9-F07B-40BB-866F-6C875ACE4F13}"/>
              </a:ext>
            </a:extLst>
          </p:cNvPr>
          <p:cNvGrpSpPr/>
          <p:nvPr/>
        </p:nvGrpSpPr>
        <p:grpSpPr>
          <a:xfrm>
            <a:off x="8505832" y="322050"/>
            <a:ext cx="586468" cy="578293"/>
            <a:chOff x="3464143" y="4473723"/>
            <a:chExt cx="586468" cy="578293"/>
          </a:xfrm>
        </p:grpSpPr>
        <p:sp>
          <p:nvSpPr>
            <p:cNvPr id="131" name="OTLSHAPE_M_0d1ae65234a44884b3ef3206a137cd22_Shape">
              <a:extLst>
                <a:ext uri="{FF2B5EF4-FFF2-40B4-BE49-F238E27FC236}">
                  <a16:creationId xmlns:a16="http://schemas.microsoft.com/office/drawing/2014/main" id="{DF596B9A-8471-4E56-8917-3E68B847B321}"/>
                </a:ext>
              </a:extLst>
            </p:cNvPr>
            <p:cNvSpPr/>
            <p:nvPr>
              <p:custDataLst>
                <p:tags r:id="rId10"/>
              </p:custDataLst>
            </p:nvPr>
          </p:nvSpPr>
          <p:spPr>
            <a:xfrm>
              <a:off x="3637526" y="4473723"/>
              <a:ext cx="221989" cy="217672"/>
            </a:xfrm>
            <a:prstGeom prst="roundRect">
              <a:avLst/>
            </a:prstGeom>
            <a:solidFill>
              <a:schemeClr val="accent1">
                <a:lumMod val="75000"/>
              </a:schemeClr>
            </a:solidFill>
            <a:ln>
              <a:solidFill>
                <a:schemeClr val="accent1">
                  <a:lumMod val="75000"/>
                </a:schemeClr>
              </a:solidFill>
            </a:ln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0">
              <a:schemeClr val="accent4"/>
            </a:lnRef>
            <a:fillRef idx="3">
              <a:schemeClr val="accent4"/>
            </a:fillRef>
            <a:effectRef idx="3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32" name="OTLSHAPE_M_465fe34945ba4458a80d1725fc6dabba_Title">
              <a:extLst>
                <a:ext uri="{FF2B5EF4-FFF2-40B4-BE49-F238E27FC236}">
                  <a16:creationId xmlns:a16="http://schemas.microsoft.com/office/drawing/2014/main" id="{E173CC6A-54BC-4362-A9AF-5CB5E3067924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3464143" y="4884418"/>
              <a:ext cx="586468" cy="16759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800">
                  <a:solidFill>
                    <a:schemeClr val="dk2"/>
                  </a:solidFill>
                  <a:latin typeface="Calibri" panose="020F0502020204030204" pitchFamily="34" charset="0"/>
                </a:rPr>
                <a:t>SÉANCE SYNCHRONE</a:t>
              </a:r>
            </a:p>
          </p:txBody>
        </p:sp>
        <p:sp>
          <p:nvSpPr>
            <p:cNvPr id="133" name="OTLSHAPE_M_465fe34945ba4458a80d1725fc6dabba_Date">
              <a:extLst>
                <a:ext uri="{FF2B5EF4-FFF2-40B4-BE49-F238E27FC236}">
                  <a16:creationId xmlns:a16="http://schemas.microsoft.com/office/drawing/2014/main" id="{34866717-C305-4137-8DA2-1950544F6CD0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3615171" y="4730315"/>
              <a:ext cx="2667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700">
                  <a:solidFill>
                    <a:schemeClr val="accent6"/>
                  </a:solidFill>
                  <a:latin typeface="Calibri" panose="020F0502020204030204" pitchFamily="34" charset="0"/>
                </a:rPr>
                <a:t>DATE</a:t>
              </a:r>
            </a:p>
          </p:txBody>
        </p:sp>
      </p:grpSp>
      <p:grpSp>
        <p:nvGrpSpPr>
          <p:cNvPr id="149" name="Groupe 148">
            <a:extLst>
              <a:ext uri="{FF2B5EF4-FFF2-40B4-BE49-F238E27FC236}">
                <a16:creationId xmlns:a16="http://schemas.microsoft.com/office/drawing/2014/main" id="{13DDF8FD-C050-41C1-8467-C626FA98DA62}"/>
              </a:ext>
            </a:extLst>
          </p:cNvPr>
          <p:cNvGrpSpPr/>
          <p:nvPr/>
        </p:nvGrpSpPr>
        <p:grpSpPr>
          <a:xfrm>
            <a:off x="10362401" y="197901"/>
            <a:ext cx="634351" cy="683642"/>
            <a:chOff x="3346044" y="5979512"/>
            <a:chExt cx="634351" cy="683642"/>
          </a:xfrm>
        </p:grpSpPr>
        <p:pic>
          <p:nvPicPr>
            <p:cNvPr id="150" name="Graphique 149" descr="Avertissement">
              <a:extLst>
                <a:ext uri="{FF2B5EF4-FFF2-40B4-BE49-F238E27FC236}">
                  <a16:creationId xmlns:a16="http://schemas.microsoft.com/office/drawing/2014/main" id="{F74FE012-F9E1-4D17-ACDF-3B4AEC91D738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 cstate="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"/>
                </a:ext>
              </a:extLst>
            </a:blip>
            <a:stretch>
              <a:fillRect/>
            </a:stretch>
          </p:blipFill>
          <p:spPr>
            <a:xfrm>
              <a:off x="3496045" y="5979512"/>
              <a:ext cx="279061" cy="279061"/>
            </a:xfrm>
            <a:prstGeom prst="rect">
              <a:avLst/>
            </a:prstGeom>
          </p:spPr>
        </p:pic>
        <p:sp>
          <p:nvSpPr>
            <p:cNvPr id="151" name="OTLSHAPE_M_465fe34945ba4458a80d1725fc6dabba_Title">
              <a:extLst>
                <a:ext uri="{FF2B5EF4-FFF2-40B4-BE49-F238E27FC236}">
                  <a16:creationId xmlns:a16="http://schemas.microsoft.com/office/drawing/2014/main" id="{B7A19B26-2FD3-42D0-BDA2-CE2D7A82D173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3346044" y="6495556"/>
              <a:ext cx="634351" cy="16759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800">
                  <a:solidFill>
                    <a:schemeClr val="dk2"/>
                  </a:solidFill>
                  <a:latin typeface="Calibri" panose="020F0502020204030204" pitchFamily="34" charset="0"/>
                </a:rPr>
                <a:t>ÉVÉNEMENT À CONSIDÉRER</a:t>
              </a:r>
            </a:p>
          </p:txBody>
        </p:sp>
        <p:sp>
          <p:nvSpPr>
            <p:cNvPr id="157" name="OTLSHAPE_M_465fe34945ba4458a80d1725fc6dabba_Date">
              <a:extLst>
                <a:ext uri="{FF2B5EF4-FFF2-40B4-BE49-F238E27FC236}">
                  <a16:creationId xmlns:a16="http://schemas.microsoft.com/office/drawing/2014/main" id="{2BE59E9B-A70B-427B-A76C-F9A7716341E2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3496045" y="6312091"/>
              <a:ext cx="2667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700">
                  <a:solidFill>
                    <a:schemeClr val="accent6"/>
                  </a:solidFill>
                  <a:latin typeface="Calibri" panose="020F0502020204030204" pitchFamily="34" charset="0"/>
                </a:rPr>
                <a:t>DATE</a:t>
              </a:r>
            </a:p>
          </p:txBody>
        </p:sp>
      </p:grpSp>
      <p:grpSp>
        <p:nvGrpSpPr>
          <p:cNvPr id="169" name="Groupe 168">
            <a:extLst>
              <a:ext uri="{FF2B5EF4-FFF2-40B4-BE49-F238E27FC236}">
                <a16:creationId xmlns:a16="http://schemas.microsoft.com/office/drawing/2014/main" id="{819BE69B-4BD0-4CF9-A1B5-3603D425FDBD}"/>
              </a:ext>
            </a:extLst>
          </p:cNvPr>
          <p:cNvGrpSpPr/>
          <p:nvPr/>
        </p:nvGrpSpPr>
        <p:grpSpPr>
          <a:xfrm>
            <a:off x="7865321" y="224368"/>
            <a:ext cx="712716" cy="739683"/>
            <a:chOff x="2370646" y="6005029"/>
            <a:chExt cx="712716" cy="739683"/>
          </a:xfrm>
        </p:grpSpPr>
        <p:grpSp>
          <p:nvGrpSpPr>
            <p:cNvPr id="171" name="Groupe 170">
              <a:extLst>
                <a:ext uri="{FF2B5EF4-FFF2-40B4-BE49-F238E27FC236}">
                  <a16:creationId xmlns:a16="http://schemas.microsoft.com/office/drawing/2014/main" id="{78A59AD8-01E3-4FF8-9E0F-B38E48A1726C}"/>
                </a:ext>
              </a:extLst>
            </p:cNvPr>
            <p:cNvGrpSpPr/>
            <p:nvPr/>
          </p:nvGrpSpPr>
          <p:grpSpPr>
            <a:xfrm>
              <a:off x="2370646" y="6343511"/>
              <a:ext cx="712716" cy="401201"/>
              <a:chOff x="1390657" y="4988093"/>
              <a:chExt cx="712716" cy="401201"/>
            </a:xfrm>
          </p:grpSpPr>
          <p:sp>
            <p:nvSpPr>
              <p:cNvPr id="173" name="OTLSHAPE_M_809acb9bd4764553815fa5ce577572e4_Title">
                <a:extLst>
                  <a:ext uri="{FF2B5EF4-FFF2-40B4-BE49-F238E27FC236}">
                    <a16:creationId xmlns:a16="http://schemas.microsoft.com/office/drawing/2014/main" id="{997AD4ED-4B24-4A83-9B93-1763DF50E223}"/>
                  </a:ext>
                </a:extLst>
              </p:cNvPr>
              <p:cNvSpPr txBox="1"/>
              <p:nvPr>
                <p:custDataLst>
                  <p:tags r:id="rId6"/>
                </p:custDataLst>
              </p:nvPr>
            </p:nvSpPr>
            <p:spPr>
              <a:xfrm>
                <a:off x="1390657" y="5112069"/>
                <a:ext cx="712716" cy="2772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algn="ctr"/>
                <a:r>
                  <a:rPr lang="en-GB" sz="800">
                    <a:solidFill>
                      <a:schemeClr val="dk2"/>
                    </a:solidFill>
                    <a:latin typeface="Calibri" panose="020F0502020204030204" pitchFamily="34" charset="0"/>
                  </a:rPr>
                  <a:t>ACTIVITÉ ASYNCHRONE</a:t>
                </a:r>
              </a:p>
            </p:txBody>
          </p:sp>
          <p:sp>
            <p:nvSpPr>
              <p:cNvPr id="176" name="OTLSHAPE_M_809acb9bd4764553815fa5ce577572e4_Date">
                <a:extLst>
                  <a:ext uri="{FF2B5EF4-FFF2-40B4-BE49-F238E27FC236}">
                    <a16:creationId xmlns:a16="http://schemas.microsoft.com/office/drawing/2014/main" id="{BFC3E133-B4D9-46FC-8B0D-EA317A30057A}"/>
                  </a:ext>
                </a:extLst>
              </p:cNvPr>
              <p:cNvSpPr txBox="1"/>
              <p:nvPr>
                <p:custDataLst>
                  <p:tags r:id="rId7"/>
                </p:custDataLst>
              </p:nvPr>
            </p:nvSpPr>
            <p:spPr>
              <a:xfrm>
                <a:off x="1637122" y="4988093"/>
                <a:ext cx="241300" cy="10850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noAutofit/>
              </a:bodyPr>
              <a:lstStyle/>
              <a:p>
                <a:pPr algn="ctr"/>
                <a:r>
                  <a:rPr lang="en-GB" sz="700">
                    <a:solidFill>
                      <a:schemeClr val="accent6"/>
                    </a:solidFill>
                    <a:latin typeface="Calibri" panose="020F0502020204030204" pitchFamily="34" charset="0"/>
                  </a:rPr>
                  <a:t>DATE</a:t>
                </a:r>
              </a:p>
            </p:txBody>
          </p:sp>
        </p:grpSp>
        <p:pic>
          <p:nvPicPr>
            <p:cNvPr id="172" name="Graphique 171" descr="Symbole">
              <a:extLst>
                <a:ext uri="{FF2B5EF4-FFF2-40B4-BE49-F238E27FC236}">
                  <a16:creationId xmlns:a16="http://schemas.microsoft.com/office/drawing/2014/main" id="{D4B22657-DAAC-4147-A857-20AD4582966A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 cstate="print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9"/>
                </a:ext>
              </a:extLst>
            </a:blip>
            <a:stretch>
              <a:fillRect/>
            </a:stretch>
          </p:blipFill>
          <p:spPr>
            <a:xfrm>
              <a:off x="2562417" y="6005029"/>
              <a:ext cx="360000" cy="360000"/>
            </a:xfrm>
            <a:prstGeom prst="rect">
              <a:avLst/>
            </a:prstGeom>
          </p:spPr>
        </p:pic>
      </p:grpSp>
      <p:grpSp>
        <p:nvGrpSpPr>
          <p:cNvPr id="177" name="Groupe 176">
            <a:extLst>
              <a:ext uri="{FF2B5EF4-FFF2-40B4-BE49-F238E27FC236}">
                <a16:creationId xmlns:a16="http://schemas.microsoft.com/office/drawing/2014/main" id="{28CA4DFE-099C-4584-8240-9044A08BE4DE}"/>
              </a:ext>
            </a:extLst>
          </p:cNvPr>
          <p:cNvGrpSpPr/>
          <p:nvPr/>
        </p:nvGrpSpPr>
        <p:grpSpPr>
          <a:xfrm>
            <a:off x="9625933" y="216570"/>
            <a:ext cx="803450" cy="668141"/>
            <a:chOff x="1639300" y="5970252"/>
            <a:chExt cx="623623" cy="668141"/>
          </a:xfrm>
        </p:grpSpPr>
        <p:sp>
          <p:nvSpPr>
            <p:cNvPr id="178" name="OTLSHAPE_M_4fee74f0717e4dde91e73221b9c2501f_Title">
              <a:extLst>
                <a:ext uri="{FF2B5EF4-FFF2-40B4-BE49-F238E27FC236}">
                  <a16:creationId xmlns:a16="http://schemas.microsoft.com/office/drawing/2014/main" id="{743F764D-BB12-4296-A9FD-808127C4C772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1639300" y="5970252"/>
              <a:ext cx="623623" cy="27906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900" spc="-4">
                  <a:solidFill>
                    <a:schemeClr val="dk2"/>
                  </a:solidFill>
                  <a:latin typeface="Calibri" panose="020F0502020204030204" pitchFamily="34" charset="0"/>
                </a:rPr>
                <a:t>PRODUCTION</a:t>
              </a:r>
              <a:br>
                <a:rPr lang="en-GB" sz="900" spc="-4">
                  <a:solidFill>
                    <a:schemeClr val="dk2"/>
                  </a:solidFill>
                  <a:latin typeface="Calibri" panose="020F0502020204030204" pitchFamily="34" charset="0"/>
                </a:rPr>
              </a:br>
              <a:r>
                <a:rPr lang="en-GB" sz="900" spc="-4">
                  <a:solidFill>
                    <a:schemeClr val="dk2"/>
                  </a:solidFill>
                  <a:latin typeface="Calibri" panose="020F0502020204030204" pitchFamily="34" charset="0"/>
                </a:rPr>
                <a:t>PRÉSENTATION</a:t>
              </a:r>
              <a:br>
                <a:rPr lang="en-GB" sz="900" spc="-4">
                  <a:solidFill>
                    <a:schemeClr val="dk2"/>
                  </a:solidFill>
                  <a:latin typeface="Calibri" panose="020F0502020204030204" pitchFamily="34" charset="0"/>
                </a:rPr>
              </a:br>
              <a:r>
                <a:rPr lang="en-GB" sz="900" spc="-4">
                  <a:solidFill>
                    <a:schemeClr val="dk2"/>
                  </a:solidFill>
                  <a:latin typeface="Calibri" panose="020F0502020204030204" pitchFamily="34" charset="0"/>
                </a:rPr>
                <a:t>TRAVAIL  </a:t>
              </a:r>
            </a:p>
          </p:txBody>
        </p:sp>
        <p:sp>
          <p:nvSpPr>
            <p:cNvPr id="179" name="OTLSHAPE_M_4fee74f0717e4dde91e73221b9c2501f_Shape">
              <a:extLst>
                <a:ext uri="{FF2B5EF4-FFF2-40B4-BE49-F238E27FC236}">
                  <a16:creationId xmlns:a16="http://schemas.microsoft.com/office/drawing/2014/main" id="{FE535E0A-3EBA-40FE-95DC-110A38EBBCC4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1830037" y="6386393"/>
              <a:ext cx="195598" cy="252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6">
                <a:lumMod val="60000"/>
                <a:lumOff val="40000"/>
              </a:schemeClr>
            </a:solidFill>
            <a:ln w="38100" cap="flat" cmpd="sng" algn="ctr">
              <a:solidFill>
                <a:schemeClr val="accent6">
                  <a:lumMod val="50000"/>
                </a:schemeClr>
              </a:solidFill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126" name="Groupe 125">
            <a:extLst>
              <a:ext uri="{FF2B5EF4-FFF2-40B4-BE49-F238E27FC236}">
                <a16:creationId xmlns:a16="http://schemas.microsoft.com/office/drawing/2014/main" id="{3CAB578E-2AFB-425A-B42E-ADDF0526348D}"/>
              </a:ext>
            </a:extLst>
          </p:cNvPr>
          <p:cNvGrpSpPr/>
          <p:nvPr/>
        </p:nvGrpSpPr>
        <p:grpSpPr>
          <a:xfrm>
            <a:off x="9113969" y="322050"/>
            <a:ext cx="586468" cy="578293"/>
            <a:chOff x="3464143" y="4473723"/>
            <a:chExt cx="586468" cy="578293"/>
          </a:xfrm>
        </p:grpSpPr>
        <p:sp>
          <p:nvSpPr>
            <p:cNvPr id="127" name="OTLSHAPE_M_0d1ae65234a44884b3ef3206a137cd22_Shape">
              <a:extLst>
                <a:ext uri="{FF2B5EF4-FFF2-40B4-BE49-F238E27FC236}">
                  <a16:creationId xmlns:a16="http://schemas.microsoft.com/office/drawing/2014/main" id="{EAB5553F-925A-48D0-B63E-FD3B6C07C428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3637526" y="4473723"/>
              <a:ext cx="221989" cy="217672"/>
            </a:xfrm>
            <a:prstGeom prst="roundRect">
              <a:avLst/>
            </a:prstGeom>
            <a:solidFill>
              <a:schemeClr val="accent1">
                <a:lumMod val="60000"/>
                <a:lumOff val="40000"/>
              </a:schemeClr>
            </a:solidFill>
            <a:ln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0">
              <a:schemeClr val="accent4"/>
            </a:lnRef>
            <a:fillRef idx="3">
              <a:schemeClr val="accent4"/>
            </a:fillRef>
            <a:effectRef idx="3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28" name="OTLSHAPE_M_465fe34945ba4458a80d1725fc6dabba_Title">
              <a:extLst>
                <a:ext uri="{FF2B5EF4-FFF2-40B4-BE49-F238E27FC236}">
                  <a16:creationId xmlns:a16="http://schemas.microsoft.com/office/drawing/2014/main" id="{4B9B05C6-2663-420D-AC66-22D3E5FC5E76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3464143" y="4884418"/>
              <a:ext cx="586468" cy="16759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800">
                  <a:solidFill>
                    <a:schemeClr val="dk2"/>
                  </a:solidFill>
                  <a:latin typeface="Calibri" panose="020F0502020204030204" pitchFamily="34" charset="0"/>
                </a:rPr>
                <a:t>SÉANCE </a:t>
              </a:r>
              <a:br>
                <a:rPr lang="en-GB" sz="800">
                  <a:solidFill>
                    <a:schemeClr val="dk2"/>
                  </a:solidFill>
                  <a:latin typeface="Calibri" panose="020F0502020204030204" pitchFamily="34" charset="0"/>
                </a:rPr>
              </a:br>
              <a:r>
                <a:rPr lang="en-GB" sz="800">
                  <a:solidFill>
                    <a:schemeClr val="dk2"/>
                  </a:solidFill>
                  <a:latin typeface="Calibri" panose="020F0502020204030204" pitchFamily="34" charset="0"/>
                </a:rPr>
                <a:t>PRÉSENTIELLE</a:t>
              </a:r>
            </a:p>
          </p:txBody>
        </p:sp>
        <p:sp>
          <p:nvSpPr>
            <p:cNvPr id="129" name="OTLSHAPE_M_465fe34945ba4458a80d1725fc6dabba_Date">
              <a:extLst>
                <a:ext uri="{FF2B5EF4-FFF2-40B4-BE49-F238E27FC236}">
                  <a16:creationId xmlns:a16="http://schemas.microsoft.com/office/drawing/2014/main" id="{F4FDF0A6-1D9E-488E-B14C-1993047D79CB}"/>
                </a:ext>
              </a:extLst>
            </p:cNvPr>
            <p:cNvSpPr txBox="1"/>
            <p:nvPr>
              <p:custDataLst>
                <p:tags r:id="rId3"/>
              </p:custDataLst>
            </p:nvPr>
          </p:nvSpPr>
          <p:spPr>
            <a:xfrm>
              <a:off x="3615171" y="4730315"/>
              <a:ext cx="2667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700">
                  <a:solidFill>
                    <a:schemeClr val="accent6"/>
                  </a:solidFill>
                  <a:latin typeface="Calibri" panose="020F0502020204030204" pitchFamily="34" charset="0"/>
                </a:rPr>
                <a:t>DATE</a:t>
              </a:r>
            </a:p>
          </p:txBody>
        </p:sp>
      </p:grpSp>
      <p:pic>
        <p:nvPicPr>
          <p:cNvPr id="153" name="Image 152">
            <a:extLst>
              <a:ext uri="{FF2B5EF4-FFF2-40B4-BE49-F238E27FC236}">
                <a16:creationId xmlns:a16="http://schemas.microsoft.com/office/drawing/2014/main" id="{BA3C963B-4944-426F-94EA-5A2EC8CAED03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42895" y="118445"/>
            <a:ext cx="839693" cy="845606"/>
          </a:xfrm>
          <a:prstGeom prst="rect">
            <a:avLst/>
          </a:prstGeom>
        </p:spPr>
      </p:pic>
      <p:grpSp>
        <p:nvGrpSpPr>
          <p:cNvPr id="180" name="Groupe 179">
            <a:extLst>
              <a:ext uri="{FF2B5EF4-FFF2-40B4-BE49-F238E27FC236}">
                <a16:creationId xmlns:a16="http://schemas.microsoft.com/office/drawing/2014/main" id="{73273A05-A14C-40AB-95CE-0CAAA8C2301D}"/>
              </a:ext>
            </a:extLst>
          </p:cNvPr>
          <p:cNvGrpSpPr/>
          <p:nvPr/>
        </p:nvGrpSpPr>
        <p:grpSpPr>
          <a:xfrm>
            <a:off x="8015877" y="6201904"/>
            <a:ext cx="4121879" cy="622092"/>
            <a:chOff x="7857688" y="6201904"/>
            <a:chExt cx="4278725" cy="622092"/>
          </a:xfrm>
        </p:grpSpPr>
        <p:sp>
          <p:nvSpPr>
            <p:cNvPr id="181" name="Espace réservé du pied de page 21">
              <a:extLst>
                <a:ext uri="{FF2B5EF4-FFF2-40B4-BE49-F238E27FC236}">
                  <a16:creationId xmlns:a16="http://schemas.microsoft.com/office/drawing/2014/main" id="{9D78DFFF-739A-4846-8B3B-D5BB85E69A3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7857688" y="6201904"/>
              <a:ext cx="3391251" cy="295274"/>
            </a:xfrm>
            <a:prstGeom prst="rect">
              <a:avLst/>
            </a:prstGeom>
          </p:spPr>
          <p:txBody>
            <a:bodyPr vert="horz" lIns="91440" tIns="45720" rIns="91440" bIns="45720" rtlCol="0" anchor="ctr"/>
            <a:lstStyle>
              <a:defPPr>
                <a:defRPr lang="en-US"/>
              </a:defPPr>
              <a:lvl1pPr marL="0" algn="ctr" defTabSz="457200" rtl="0" eaLnBrk="1" latinLnBrk="0" hangingPunct="1">
                <a:defRPr sz="1200" kern="1200">
                  <a:solidFill>
                    <a:schemeClr val="tx1">
                      <a:tint val="7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4572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sz="900" dirty="0">
                  <a:solidFill>
                    <a:prstClr val="black">
                      <a:tint val="75000"/>
                    </a:prstClr>
                  </a:solidFill>
                </a:rPr>
                <a:t>Lefebvre, N., Bélisle, M., Brierre, D. et Denis, C. (2020)</a:t>
              </a:r>
            </a:p>
          </p:txBody>
        </p:sp>
        <p:sp>
          <p:nvSpPr>
            <p:cNvPr id="182" name="Rectangle 3">
              <a:extLst>
                <a:ext uri="{FF2B5EF4-FFF2-40B4-BE49-F238E27FC236}">
                  <a16:creationId xmlns:a16="http://schemas.microsoft.com/office/drawing/2014/main" id="{BBDF039D-4260-4991-80B5-BFB3B5AE4CBA}"/>
                </a:ext>
              </a:extLst>
            </p:cNvPr>
            <p:cNvSpPr>
              <a:spLocks noChangeArrowheads="1"/>
            </p:cNvSpPr>
            <p:nvPr userDrawn="1"/>
          </p:nvSpPr>
          <p:spPr bwMode="auto">
            <a:xfrm>
              <a:off x="7857688" y="6516219"/>
              <a:ext cx="4278725" cy="307777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vert="horz" wrap="square" lIns="91440" tIns="45720" rIns="91440" bIns="45720" numCol="1" anchor="ctr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fr-FR" altLang="fr-FR" sz="700" b="0" i="0" u="none" strike="noStrike" cap="none" normalizeH="0" baseline="0" dirty="0">
                  <a:ln>
                    <a:noFill/>
                  </a:ln>
                  <a:solidFill>
                    <a:srgbClr val="464646"/>
                  </a:solidFill>
                  <a:effectLst/>
                  <a:latin typeface="Source Sans Pro" panose="020B0503030403020204" pitchFamily="34" charset="0"/>
                </a:rPr>
                <a:t>Ce gabarit de design pédagogique d’un cours FaD est mis à disposition selon les termes de la </a:t>
              </a:r>
              <a:r>
                <a:rPr kumimoji="0" lang="fr-FR" altLang="fr-FR" sz="700" b="0" i="0" u="none" strike="noStrike" cap="none" normalizeH="0" baseline="0" dirty="0">
                  <a:ln>
                    <a:noFill/>
                  </a:ln>
                  <a:solidFill>
                    <a:srgbClr val="049CCF"/>
                  </a:solidFill>
                  <a:effectLst/>
                  <a:latin typeface="Source Sans Pro" panose="020B0503030403020204" pitchFamily="34" charset="0"/>
                  <a:hlinkClick r:id="rId21"/>
                </a:rPr>
                <a:t>Licence Creative Commons Attribution - Partage dans les Mêmes Conditions 4.0 International</a:t>
              </a:r>
              <a:r>
                <a:rPr kumimoji="0" lang="fr-FR" altLang="fr-FR" sz="700" b="0" i="0" u="none" strike="noStrike" cap="none" normalizeH="0" baseline="0" dirty="0">
                  <a:ln>
                    <a:noFill/>
                  </a:ln>
                  <a:solidFill>
                    <a:srgbClr val="464646"/>
                  </a:solidFill>
                  <a:effectLst/>
                  <a:latin typeface="Source Sans Pro" panose="020B0503030403020204" pitchFamily="34" charset="0"/>
                </a:rPr>
                <a:t>.</a:t>
              </a:r>
              <a:r>
                <a:rPr kumimoji="0" lang="fr-FR" altLang="fr-FR" sz="700" b="0" i="0" u="none" strike="noStrike" cap="none" normalizeH="0" baseline="0" dirty="0">
                  <a:ln>
                    <a:noFill/>
                  </a:ln>
                  <a:solidFill>
                    <a:schemeClr val="tx1"/>
                  </a:solidFill>
                  <a:effectLst/>
                </a:rPr>
                <a:t> </a:t>
              </a:r>
              <a:endParaRPr kumimoji="0" lang="fr-FR" altLang="fr-FR" sz="700" b="0" i="0" u="none" strike="noStrike" cap="none" normalizeH="0" baseline="0" dirty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pic>
          <p:nvPicPr>
            <p:cNvPr id="183" name="Picture 4" descr="Licence Creative Commons">
              <a:hlinkClick r:id="rId21"/>
              <a:extLst>
                <a:ext uri="{FF2B5EF4-FFF2-40B4-BE49-F238E27FC236}">
                  <a16:creationId xmlns:a16="http://schemas.microsoft.com/office/drawing/2014/main" id="{C50774A6-B6BA-42E7-981A-EA5DB9865B03}"/>
                </a:ext>
              </a:extLst>
            </p:cNvPr>
            <p:cNvPicPr>
              <a:picLocks noChangeAspect="1" noChangeArrowheads="1"/>
            </p:cNvPicPr>
            <p:nvPr userDrawn="1"/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1103695" y="6211923"/>
              <a:ext cx="863810" cy="30429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610914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Custom 15">
      <a:dk1>
        <a:sysClr val="windowText" lastClr="000000"/>
      </a:dk1>
      <a:lt1>
        <a:sysClr val="window" lastClr="FFFFFF"/>
      </a:lt1>
      <a:dk2>
        <a:srgbClr val="12121E"/>
      </a:dk2>
      <a:lt2>
        <a:srgbClr val="F2F2F2"/>
      </a:lt2>
      <a:accent1>
        <a:srgbClr val="12A0B2"/>
      </a:accent1>
      <a:accent2>
        <a:srgbClr val="CF2D86"/>
      </a:accent2>
      <a:accent3>
        <a:srgbClr val="2B5181"/>
      </a:accent3>
      <a:accent4>
        <a:srgbClr val="CF2D86"/>
      </a:accent4>
      <a:accent5>
        <a:srgbClr val="48106A"/>
      </a:accent5>
      <a:accent6>
        <a:srgbClr val="12A0B2"/>
      </a:accent6>
      <a:hlink>
        <a:srgbClr val="CF2D86"/>
      </a:hlink>
      <a:folHlink>
        <a:srgbClr val="7F7F7F"/>
      </a:folHlink>
    </a:clrScheme>
    <a:fontScheme name="Custom 14">
      <a:majorFont>
        <a:latin typeface="Trebuchet MS"/>
        <a:ea typeface=""/>
        <a:cs typeface=""/>
      </a:majorFont>
      <a:minorFont>
        <a:latin typeface="Trebuchet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F16411196_Roadmap timeline light_AAS_v4" id="{33FC5EA5-FE77-46E7-BA31-ED409B7B02DD}" vid="{AD8A9DCF-59B2-4155-8D14-12E15B67169E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051AF0F65ED3F4292ED3427B0942645" ma:contentTypeVersion="2" ma:contentTypeDescription="Crée un document." ma:contentTypeScope="" ma:versionID="ba94b30162718655d0983664c12a4e73">
  <xsd:schema xmlns:xsd="http://www.w3.org/2001/XMLSchema" xmlns:xs="http://www.w3.org/2001/XMLSchema" xmlns:p="http://schemas.microsoft.com/office/2006/metadata/properties" xmlns:ns2="af3f1528-d8ca-4884-ad98-82ff15afe1b6" targetNamespace="http://schemas.microsoft.com/office/2006/metadata/properties" ma:root="true" ma:fieldsID="fd77ace91941c085742375bce166cc0b" ns2:_="">
    <xsd:import namespace="af3f1528-d8ca-4884-ad98-82ff15afe1b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f3f1528-d8ca-4884-ad98-82ff15afe1b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ype de contenu"/>
        <xsd:element ref="dc:title" minOccurs="0" maxOccurs="1" ma:index="4" ma:displayName="Titr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6C1D081F-6A52-4824-ACA7-BDE24F568389}">
  <ds:schemaRefs>
    <ds:schemaRef ds:uri="af3f1528-d8ca-4884-ad98-82ff15afe1b6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.xml><?xml version="1.0" encoding="utf-8"?>
<ds:datastoreItem xmlns:ds="http://schemas.openxmlformats.org/officeDocument/2006/customXml" ds:itemID="{4FBDE712-7F9D-4A1B-8183-684BCD9655CC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055640B5-C54C-4D0E-87E4-630D201D26AB}">
  <ds:schemaRefs>
    <ds:schemaRef ds:uri="http://www.w3.org/XML/1998/namespace"/>
    <ds:schemaRef ds:uri="http://schemas.openxmlformats.org/package/2006/metadata/core-properties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af3f1528-d8ca-4884-ad98-82ff15afe1b6"/>
    <ds:schemaRef ds:uri="http://schemas.microsoft.com/office/infopath/2007/PartnerControls"/>
    <ds:schemaRef ds:uri="http://schemas.microsoft.com/office/2006/metadata/propertie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f16411196</Template>
  <TotalTime>0</TotalTime>
  <Words>123</Words>
  <Application>Microsoft Office PowerPoint</Application>
  <PresentationFormat>Grand écran</PresentationFormat>
  <Paragraphs>44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6" baseType="lpstr">
      <vt:lpstr>Arial</vt:lpstr>
      <vt:lpstr>Calibri</vt:lpstr>
      <vt:lpstr>Source Sans Pro</vt:lpstr>
      <vt:lpstr>Trebuchet MS</vt:lpstr>
      <vt:lpstr>Thème Office</vt:lpstr>
      <vt:lpstr>Ligne du temps Titre du cours (Sigle)  Cibles de formation:  - …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Ligne du temps</dc:title>
  <dc:creator>Nathalie Lefebvre</dc:creator>
  <cp:lastModifiedBy>Nathalie Lefebvre</cp:lastModifiedBy>
  <cp:revision>1</cp:revision>
  <dcterms:created xsi:type="dcterms:W3CDTF">2020-07-18T02:51:07Z</dcterms:created>
  <dcterms:modified xsi:type="dcterms:W3CDTF">2020-11-04T13:10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051AF0F65ED3F4292ED3427B0942645</vt:lpwstr>
  </property>
</Properties>
</file>